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2\02. Oddelenie VO\01. Prebiehajúce zákazky\07. Katka\2021_607_USG vyššej strednej triedy\03. Príprava\07. PTK_2\Odoslanie PTK\"/>
    </mc:Choice>
  </mc:AlternateContent>
  <bookViews>
    <workbookView xWindow="0" yWindow="0" windowWidth="23040" windowHeight="9195"/>
  </bookViews>
  <sheets>
    <sheet name="Cenová ponuka" sheetId="8" r:id="rId1"/>
  </sheets>
  <definedNames>
    <definedName name="_xlnm.Print_Area" localSheetId="0">'Cenová ponuka'!$B$29:$I$11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22" uniqueCount="372">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Kalkulácia ceny a návrh na plnenie kritéria na vyhodnotenie ponúk - Štruktúrovaný rozpočet ceny predmetu zákazky (hárok č.2 doručeného excelu)</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6.</t>
  </si>
  <si>
    <t>8.</t>
  </si>
  <si>
    <t>9.</t>
  </si>
  <si>
    <t>10.</t>
  </si>
  <si>
    <t>11.</t>
  </si>
  <si>
    <t>14.</t>
  </si>
  <si>
    <t>Položka č. 2</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33112340-3   Echokardiografy</t>
  </si>
  <si>
    <t>51410000-9   Inštalácia lekárskych zariadení</t>
  </si>
  <si>
    <t>50421000-2   Opravy a údržba lekárskych zariadení</t>
  </si>
  <si>
    <t>33141641-5   Sondy</t>
  </si>
  <si>
    <t>2.1</t>
  </si>
  <si>
    <t>2.2</t>
  </si>
  <si>
    <t>7.</t>
  </si>
  <si>
    <t>12.</t>
  </si>
  <si>
    <t>13.</t>
  </si>
  <si>
    <t>15.</t>
  </si>
  <si>
    <t>16.</t>
  </si>
  <si>
    <t>17.</t>
  </si>
  <si>
    <t>18.</t>
  </si>
  <si>
    <t>19.</t>
  </si>
  <si>
    <t>20.</t>
  </si>
  <si>
    <t>21.</t>
  </si>
  <si>
    <t>22.</t>
  </si>
  <si>
    <t>23.</t>
  </si>
  <si>
    <t>xxx</t>
  </si>
  <si>
    <t>v pracovných dňoch,</t>
  </si>
  <si>
    <t>v čase od 08:00 hod. do 14:30 hod.,</t>
  </si>
  <si>
    <t>2.3</t>
  </si>
  <si>
    <t>2.4</t>
  </si>
  <si>
    <t>2.5</t>
  </si>
  <si>
    <t>2.6</t>
  </si>
  <si>
    <t>5.1</t>
  </si>
  <si>
    <t>5.2</t>
  </si>
  <si>
    <t>5.3</t>
  </si>
  <si>
    <t>5.4</t>
  </si>
  <si>
    <t>5.5</t>
  </si>
  <si>
    <t>Súčasťou záväzku dodávateľa podľa bodu 2. je zároveň poskytnutie písomných dokladov potrebných pre riadne a bezchybné použitie zariadenia na stanovený účel, a to najmä, no nie len:</t>
  </si>
  <si>
    <t>návod na použitie zariadenia v slovenskom jazyku (resp. v českom jazyku),</t>
  </si>
  <si>
    <t>záručný list,</t>
  </si>
  <si>
    <t>preberací (akceptačný) protokol,</t>
  </si>
  <si>
    <t>inštalačný protokol,</t>
  </si>
  <si>
    <t>Kúpna cena zariadenia zahŕňa aj služby spojené s jeho dodaním, t.j. zabezpečenie dopravy do dohodnutého miesta dodania, dopravu dodávateľa do miesta poskytnutia služby a späť, ako aj všetky ostatné náklady dodávateľa vynaložené v súvislosti s dodaním objednaného zariadenia a/alebo poskytnutím služieb objednávateľovi, uvedením zariadenia do prevádzky (inštaláciou), zaškolením obsluhy, poskytnutím užívateľskej dokumentácie, poskytnutím hardvéru a licencie k nim, prevodom vlastníctva k zariadeniu na objednávateľa, ako aj poskytovanie záručného servisu v mieste inštalácie.</t>
  </si>
  <si>
    <t>oprava vád a porúch zariadenia, t.j. uvedenie zariadenia do stavu plnej využiteľnosti vzhľadom k jeho technickým parametrom,</t>
  </si>
  <si>
    <t>dodávka a výmena všetkých potrebných náhradných dielov a súčiastok v prípade ich poruchy, ktoré sami o sebe majú kratšiu dobu životnosti, alebo kratšiu záručnú dobu, ako je záručná doba poskytovaná dodávateľom,</t>
  </si>
  <si>
    <t>vykonanie ďalších servisných úkonov a činností predpísaných príslušnou právnou úpravou a aplikovateľnými normami,</t>
  </si>
  <si>
    <t>vykonanie akýchkoľvek neplánovaných opráv a údržby, ktoré nevyplývajú zo servisného plánu výrobcu zariadenia, ak takáto oprava je nevyhnutná za účelom zabezpečenia prevádzky zariadenia, vrátane generálnej opravy,</t>
  </si>
  <si>
    <t>Dodávateľ je povinný počas trvania záručnej doby odstrániť vady v nasledujúcich lehotách od nástupu na opravu:</t>
  </si>
  <si>
    <t>Dodávateľ je povinný nastúpiť na odstránenie vady a túto vadu odstrániť a uviesť zariadenie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Záruka sa nevzťahuje na vady, ktoré spôsobí objednávateľ neodbornou manipuláciou resp. používaním v rozpore s návodom na obsluhu. Záruka sa tiež nevzťahuje na vady, ktoré vzniknú v dôsledku živelnej pohromy, vyššej moci alebo vandalizmu.</t>
  </si>
  <si>
    <t>Dodávateľ nesie zodpovednosť za to, že služby servisu a údržby zariadenia budú poskytované v najvyššej dostupnej kvalite tak, aby vyhovovali potrebám objednávateľa. Služby budú poskytované s náležitou odbornou starostlivosťou a prostredníctvom osôb, ktoré majú potrebnú kvalifikáciu a skúsenosti nevyhnutné na plnenie svojich povinností.</t>
  </si>
  <si>
    <t>24.</t>
  </si>
  <si>
    <t>25.</t>
  </si>
  <si>
    <t>mesiac</t>
  </si>
  <si>
    <t>26.</t>
  </si>
  <si>
    <t>Príslušenstvo:</t>
  </si>
  <si>
    <t>Požaduje sa poskytovať službu (pozáručný servis) najmä v nasledovnom rozsahu:</t>
  </si>
  <si>
    <t>preventívna údržba systémov v počte 1-2 pracovných dní za kalendárny rok v rozsahu podľa manuálu určeného výrobcom systému,</t>
  </si>
  <si>
    <t>za účelom vykonania preventívnej údržby si zmluvné strany po uzatvorení zmluvy vypracujú Plán údržby, v ktorom sa dohodnú na termínoch pre preventívnu údržbu,</t>
  </si>
  <si>
    <t>1.1</t>
  </si>
  <si>
    <t>zmenu týchto termínov je možné uskutočniť len vzájomnou dohodou zmluvných strán, pričom takéto zmeny musia byť dohodnuté vždy včas, aby nebola narušená prevádzka objednávateľa.</t>
  </si>
  <si>
    <t>1.2</t>
  </si>
  <si>
    <t>všetky práce spojené s opravami systémov,</t>
  </si>
  <si>
    <t>udržiavanie prevádzkyschopnosti hardwarovej časti systémov,</t>
  </si>
  <si>
    <t>elektrické revízie 1x ročne v zmysle platných právnych predpisov,</t>
  </si>
  <si>
    <t>za účelom vykonania povinných revízií si zmluvné strany do 30 kalendárnych dní po uzatvorení zmluvy vypracujú Plán revízie, v ktorom sa dohodnú na termínoch vykonanie revízie (jednotlivé termíny zmluvné strany dohodnú tak, aby bola zabezpečená ich kontinuita),</t>
  </si>
  <si>
    <t>Pozáručný servis pre položku č.1</t>
  </si>
  <si>
    <t>Požaduje sa, aby v prípade vykonania opravy, na ktorú objednávateľ dodávateľa vopred upozorní, bola oprava vykonaná nasledovne:</t>
  </si>
  <si>
    <t>11.1</t>
  </si>
  <si>
    <t>11.2</t>
  </si>
  <si>
    <t>Požaduje sa, aby výsledná cena predmetu zákazky ponúknutá dodávateľom bola v súlade s aktuálne (t.j. v čase lehoty na predkladanie ponúk) obvyklou trhovou cenou predmetu zákazky.</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servisný softwarový upgrade,</t>
  </si>
  <si>
    <t>do tridsiatich (30) pracovných dní od dňa nadobudnutia účinnosti zmluvy resp. odo dňa doručenia Oznámenia o splnení objednávateľom stanovených podmienok a požiadaviek na predmet zákazky dodávateľovi (ďalej len "Oznámenie"),</t>
  </si>
  <si>
    <t xml:space="preserve">do sídla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po predchádzajúcom preukázateľnom upovedomení objednávateľa min. päť (5) pracovných dní vopred tak, aby objednávateľ mohol poskynúť potrebnú súčinnosť pri dodaní,</t>
  </si>
  <si>
    <t xml:space="preserve">Objednávateľ zabezpečí za účelom prevzatia zariadenia prístup pre osoby poverené dodávateľom na čas nevyhnutný na vyloženie, kompletizáciu a inštaláciu zariadenia. </t>
  </si>
  <si>
    <t>Súčasťou dodania zariadeni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 Za deň splnenia peňažného záväzku sa považuje deň odpísania dlžnej sumy z účtu objednávateľa v prospech účtu dodávateľa.</t>
  </si>
  <si>
    <t>Požaduje sa, aby v prípade ak sa úspešným uchádzačom (t.j. dodávateľom) po uplynutí lehoty na predkladanie ponúk, resp. po elektronickej aukcii stane:
1. uchádzač, ktorý je alebo bol dodávateľom predmetu zákazky a ak jeho konečná jednotková cena za MJ bez DPH je vyššia ako súčasne aktuálna alebo predtým platná jednotková cena za MJ bez DPH, za ktorú verejný obstarávateľ nakupuje alebo nakupoval od dodávateľa pred vyhlásením tejto súťaže
alebo
2. uchádzač, ktorý verejnému obstarávateľovi predložil aktuálnu cenovú ponuku pred vyhlásením tejto súťaže a jeho konečná jednotková cena za MJ bez DPH je vyššia ako cena ktorú predložil v aktuálnej cenovej ponuke pred vyhlásením tejto súťaže,
tak:</t>
  </si>
  <si>
    <t>verejný obstarávateľ vyzve úspešného uchádzača na podanie vysvetlenia k uvedenému a ak po prehodnotení písomného zdôvodnenia uzná navýšenie konečnej jednotkovej ceny za MJ bez DPH príslušnej položky predmetu zákazky, zašle verejný obstarávateľ uchádzačovi oznámenie, v ktorom potvrdí oprávnenie ním ponúknutej ceny;</t>
  </si>
  <si>
    <t xml:space="preserve">Dodávateľ poskytuje na predmet zákazky a všetky jeho súčasti (ďalej len "zariadenie") komplexnú záruku v trvaní dvadsiatichštyroch (24) mesiacov odo dňa, kedy je zariadenie uvedené do prevádzky. Uvedenie zariadenia do prevádzky a začiatok plynutia záručnej doby sa potvrdí na dodacom liste (preberací protokol), ktorý podpíšu obe zmluvné strany, t.j. dodávateľ a objednávateľ, resp. ich oprávnení zástupcovia. Uvedená záručná doba sa automaticky predlžuje o dobu, po ktorú nemohlo byť zariadenie využívané na účel, na ktorý je určený a to z dôvodov na ktoré sa vzťahuje záruka. </t>
  </si>
  <si>
    <t>Komplexná záruka predstavuje súbor opatrení, ktoré bude v rámci ceny za zariadenie vykonávať dodávateľ  autorizovaným servisom po dobu trvania záručnej doby na zariadenie za účelom bezporuchovej prevádzky predmetu zmluvy a za účelom udržania všetkých parametrov uvedených v technickej špecifikácií zariadenia. Objednávateľ si vyhradzuje právo, v prípade potreby vyžiadať od dodávateľa predloženie dokladu, prostredníctvom ktorého preukáže oprávnenosť vykonávať autorizovaný servis. Opatreniami sa rozumie najmä, nie však výlučne:</t>
  </si>
  <si>
    <t xml:space="preserve">vykonanie štandardných vylepšení zariadenia odporúčaných a predpísaných výrobcom zariadenia podľa rozhodnutia dodávateľa, vrátane vykonania servisných aktualizácií, t.j. servisný update softwarového vybavenia zariadenia, zároveň sa vyžaduje k splneniu uvedenej povinnosti poskytnutie súčinnosti objednávateľa, </t>
  </si>
  <si>
    <t>dodávky a zabudovanie náhradných dielov, ktoré sú potrebné k riadnej a bezporuchovej prevádzke zariadnia, vrátane demontáže, odvozu a likvidácie použitého a nepotrebného spotrebného materiálu, náplní a náhradných dielov,</t>
  </si>
  <si>
    <t>vykonanie validácií a kalibrácií zariadenia (resp. jeho relevantných častí) s perididicitou podľa odporučenia výrobcu zariadenia, min. však jedenkrát ročne,</t>
  </si>
  <si>
    <t>práce (servisné hodiny) a dojazdy servisných technikov dodávateľa do miesta inštalácie zariadenia v rámci zabezpečenia záručného servisu,</t>
  </si>
  <si>
    <t xml:space="preserve">Servisný technik dodávateľa je povinný nastúpiť na odstránenie vady v mieste inštalácie zariadenia do dvadsiatichštyroch (24) hodín od nahlásenia v pracovný deň medzi 7:00 a 16:00 hod., resp. do 12:00 hod. nasledujúceho pracovného dňa, pokiaľ vada bola nahlásená po 16:00 hod. pracovného dňa alebo počas mimopracovného dňa. </t>
  </si>
  <si>
    <t>V prípade, ak odstránenie vady nevyžaduje príchod servisného technika dodávateľa do miesta inštalácie zariadenia, je dodávateľ oprávnený začať odstraňovať vadu formou vzdialeného prístupu v lehote najneskôr do dvanástich (12) hodín od nahlásenia v pracovný deň medzi 7:00 a 16:00 hod., resp. do 12:00 hod. nasledujúceho pracovného dňa, pokiaľ vada bola nahlásená po 16:00 hod. pracovného dňa alebo počas mimopracovného dňa.</t>
  </si>
  <si>
    <t>oprava vady, pri ktorej nie je potrebná dodávka náhradného dielu najneskôr do štyridsiatichôsmich (48) hodín,</t>
  </si>
  <si>
    <t>oprava vady s dodávkou náhradného dielu najneskôr do sedemdesiatichdvoch (72) hodín.</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zariadenia tiež zaslaním emailovej správy na vyššie uvedenú emailovú adresu dodávateľa.</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vyššiu moc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tejto zmluv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 .</t>
  </si>
  <si>
    <t>Požaduje sa dodanie zariadenia:</t>
  </si>
  <si>
    <t>Ultrazvukový prístroj s plne digitálnym systémom, s digitálnym spracovaním signálov a digitálnym formovaním ultrazvukového lúča</t>
  </si>
  <si>
    <t>LCD displej na artikulačnom ramene minimálne 21 “ s rozlíšením minimálne 1920 x 1080 pixelov</t>
  </si>
  <si>
    <t>4 ks aktívne porty pre pripojenie sond</t>
  </si>
  <si>
    <t>Funkcie zobrazovania a pracovné módy:</t>
  </si>
  <si>
    <t>7.1</t>
  </si>
  <si>
    <t>7.2</t>
  </si>
  <si>
    <t>7.3</t>
  </si>
  <si>
    <t>7.4</t>
  </si>
  <si>
    <t>7.5</t>
  </si>
  <si>
    <t>7.6</t>
  </si>
  <si>
    <t>7.7</t>
  </si>
  <si>
    <t>Kontinuálny Doppler (CW)</t>
  </si>
  <si>
    <t>Pulzný doppler vrátane high PRF (PW)</t>
  </si>
  <si>
    <t>Energetický (Power) doppler vrátane CPA s možnosťou rozlíšenia smeru toku</t>
  </si>
  <si>
    <t>M–mód a Anatomický M–mód s ľubovoľne meniteľnou rovinou rezu v reálnom čase</t>
  </si>
  <si>
    <t>Trapezoidné zobrazenie</t>
  </si>
  <si>
    <t>Harmonické zobrazenie</t>
  </si>
  <si>
    <t>7.8</t>
  </si>
  <si>
    <t>7.9</t>
  </si>
  <si>
    <t>7.10</t>
  </si>
  <si>
    <t>7.11</t>
  </si>
  <si>
    <t>7.12</t>
  </si>
  <si>
    <t>Duplexný a triplexný mód</t>
  </si>
  <si>
    <t>Kontinuálny zoom minimálne so 16 násobným zväčšením na živom i zmrazenom obraze</t>
  </si>
  <si>
    <t>HD zoom</t>
  </si>
  <si>
    <t>Hĺbka zobrazenia až do 40 cm</t>
  </si>
  <si>
    <t>Softvérové vybavenie:</t>
  </si>
  <si>
    <t>8.1</t>
  </si>
  <si>
    <t>8.2</t>
  </si>
  <si>
    <t>8.3</t>
  </si>
  <si>
    <t>8.4</t>
  </si>
  <si>
    <t>Základné meranie a kalkulácie pre meranie dĺžok, meranie uhlov a kalkulácie obvodu, meranie objemu a plochy</t>
  </si>
  <si>
    <t>Automatické obkreslovanie rýchlostného spektra v reálnom čase s výpočtom EDV, PSV, PI a RI, TAMx, TAMn indexov aj na zmrazenom snímku</t>
  </si>
  <si>
    <t>Automatická optimalizácia obrazu pri CFM a B–móde</t>
  </si>
  <si>
    <t>Automatické dopplerovské výpočty v reálnom čase</t>
  </si>
  <si>
    <t>8.5</t>
  </si>
  <si>
    <t>8.6</t>
  </si>
  <si>
    <t>8.7</t>
  </si>
  <si>
    <t>8.8</t>
  </si>
  <si>
    <t>Tkanivový doppler s farebným mapovaním</t>
  </si>
  <si>
    <t>Automatické nastavenie dopplerovského uhla a jeho korekcia aj po zamrazení</t>
  </si>
  <si>
    <t>Rekonštrukcia rezov M-modu aj po zamrazení obrazu</t>
  </si>
  <si>
    <t>Integrované EKG</t>
  </si>
  <si>
    <t>8.9</t>
  </si>
  <si>
    <t>Konštrukcia prístroja a ovládanie:</t>
  </si>
  <si>
    <t>Ovládanie prístroja pomocou ovládacieho panelu s voľným výškovým a stranovým nastavením</t>
  </si>
  <si>
    <t>9.1</t>
  </si>
  <si>
    <t>Voľný pohyb a nastavenie ovládacieho panela a zobrazovacej jednotky monitora</t>
  </si>
  <si>
    <t>Hmotnosť prístroja maximálne do 90 kg</t>
  </si>
  <si>
    <t>Minimálna hlučnosť počas prevádzky</t>
  </si>
  <si>
    <t>Možnosť bezproblémového transportu v rámci budovy – prenositeľný a vysoko portabilný</t>
  </si>
  <si>
    <t>9.2</t>
  </si>
  <si>
    <t>9.3</t>
  </si>
  <si>
    <t>9.4</t>
  </si>
  <si>
    <t>9.5</t>
  </si>
  <si>
    <t>Možnosť postprocessingu nasnímaných obrazov</t>
  </si>
  <si>
    <t>10.1</t>
  </si>
  <si>
    <t>Integrovaná pamäť pre účely uchovávania získaných obrazov a slučiek</t>
  </si>
  <si>
    <t>10.2</t>
  </si>
  <si>
    <t>10.3</t>
  </si>
  <si>
    <t>10.4</t>
  </si>
  <si>
    <t>10.5</t>
  </si>
  <si>
    <t xml:space="preserve">Funkcia retrospektívneho a prospektívneho nahrávania slučky </t>
  </si>
  <si>
    <t>Ukladanie obrazov a slučiek bez potreby zadania osobných údajov pacienta</t>
  </si>
  <si>
    <t>Možnosť archivácie získaných obrazov a slučiek na USB a DVD</t>
  </si>
  <si>
    <t>Možnosť pripojenia k archivačnému systému PACS - DICOM 3.0 protokol</t>
  </si>
  <si>
    <t>10.6</t>
  </si>
  <si>
    <t>10.7</t>
  </si>
  <si>
    <t>10.8</t>
  </si>
  <si>
    <t>10.9</t>
  </si>
  <si>
    <t>Možnosť importovania pacientských dát z NIS - DICOM Worklist</t>
  </si>
  <si>
    <t>Čiernobiela termotlačiareň</t>
  </si>
  <si>
    <t>Prístroj umožňuje tvoriť reporty ako aj ich tlač na PC tlačiarni</t>
  </si>
  <si>
    <t>Prístroj umožňuje pripojenie externého monitora pomocou Display portu</t>
  </si>
  <si>
    <t>10.10</t>
  </si>
  <si>
    <t>11.1.1</t>
  </si>
  <si>
    <t>11.1.2</t>
  </si>
  <si>
    <t>11.1.3</t>
  </si>
  <si>
    <t>11.1.4</t>
  </si>
  <si>
    <t>11.1.5</t>
  </si>
  <si>
    <t>Konvexná sonda</t>
  </si>
  <si>
    <t>Frekvenčný rozsah sondy 1 až 5 MHz</t>
  </si>
  <si>
    <t>Vynikajúce zobrazovacie schopnosti všeobecných abdominálnych vyšetrení, vrátane vaskulárnych, s podporou shear wave elastografie a funkcie Biopsy guide pre navigáciu punkcií</t>
  </si>
  <si>
    <t>Zorné pole FOV minimálne 110 stupňov</t>
  </si>
  <si>
    <t>Podpora kontrastných vyšetrení</t>
  </si>
  <si>
    <t>Lineárna sonda pre cievne vyšetrenia</t>
  </si>
  <si>
    <t>Frekvenčný rozsah sondy 3 až 12 MHz</t>
  </si>
  <si>
    <t>11.2.1</t>
  </si>
  <si>
    <t>11.2.2</t>
  </si>
  <si>
    <t>11.2.3</t>
  </si>
  <si>
    <t>11.2.4</t>
  </si>
  <si>
    <t>11.2.5</t>
  </si>
  <si>
    <t>Efektívna dĺžka otvoru minimálne 36 mm</t>
  </si>
  <si>
    <t>Chirurgické vyšetrenia</t>
  </si>
  <si>
    <t>11.2.6</t>
  </si>
  <si>
    <t>11.3</t>
  </si>
  <si>
    <t>Podporné funkcie ako Biopsy guide pre navigáciu punkcií</t>
  </si>
  <si>
    <t>11.3.1</t>
  </si>
  <si>
    <t>11.3.2</t>
  </si>
  <si>
    <t>11.3.3</t>
  </si>
  <si>
    <t>11.3.4</t>
  </si>
  <si>
    <t>Sektorová monokryštalická sonda</t>
  </si>
  <si>
    <t>Vynikajúce zobrazovacie schopnosti kardiologických vyšetrení</t>
  </si>
  <si>
    <t>Zorné pole FOV 90 stupňov</t>
  </si>
  <si>
    <t>Položka č. 2 - Pozáručný servis pre položku č.1</t>
  </si>
  <si>
    <t>Položka č. 1 - Ultrazvukový prístroj vyššej strednej triedy pre angiologické vyšetrenia so softvérovým vybavením</t>
  </si>
  <si>
    <t>Ultrazvukový prístroj vyššej strednej triedy pre angiologické vyšetrenia so softvérovým vybavením vrátane pozáručného servisu</t>
  </si>
  <si>
    <t>Ultrazvukový prístroj vyššej strednej triedy pre angiologické vyšetrenia so softvérovým vybavením vrátane pozáručného servisu.</t>
  </si>
  <si>
    <t xml:space="preserve">Objednávateľ je oprávnený vadu, ktorú zistí na zariadení počas záručnej doby, nahlásiť dodávateľovi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fax, za moment nahlásenia vady sa považuje moment prijatia fax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 </t>
  </si>
  <si>
    <t>Požaduje sa, aby po ukončení konkrétnej činnosti pozáručnej servisnej starostlivosti si servisný pracovník nechal potvrdiť rozsah poskytnutej služby s uvedením dátumu poskytnutej služby u zodpovednej osoby objednávateľa. Jedna kópia takto potvrdenej služby ostáva k dispozícii objednávateľovi.</t>
  </si>
  <si>
    <t>Požaduje sa, aby dodávateľ mal počas trvania  zmluvy uzatvorenú zmluvu o poistení zodpovednosti za škodu spôsobenú v súvislosti s poskytovaním služieb pozáručnej servisnej starostlivosti podľa uzatvorenej zmluvy s poistným krytím minimálne vo výške zmluvnej ceny za služby pozáručnej servisnej starostlivosti.</t>
  </si>
  <si>
    <t>Adaptívne spracovanie obrazu – potlačenie šumu/SPECKLE) využiteľné pre redukciu artefaktov a zvýšenie rozlíšenia obrazu</t>
  </si>
  <si>
    <t xml:space="preserve">Ultrazvukový prístroj vyššej strednej triedy pre angiologické vyšetrenia so softvérovým vybavením </t>
  </si>
  <si>
    <t>cestovné a všetky náklady spojené s činnosťou servisného pracovníka počas výkonu činnosti uvedených v bode 1. až 5.</t>
  </si>
  <si>
    <t>Požaduje sa poskytovať pozáručný servis najmä v rozsahu uvedenom v časti  TECHNICKÁ ŠPECIFIKÁCIA PREDMETU ZÁKAZKY pri položke č. 2</t>
  </si>
  <si>
    <t>Požaduje sa poskytovať službu na pracovisku objednávateľa, pričom ak nie je možné službu na pracovisku vykonať, resp. je vhodnejšie realizovať ju na inom mieste (napr. na pracovisku dodávateľa), takáto činnosť sa vykoná na náklady dodávateľa na mieste určenom dodávateľom, ktoré však bude vopred oznámené objednávateľovi.</t>
  </si>
  <si>
    <t>Požaduje sa, aby počas trvania  zmluvy dodávateľ vykonával autorizovaný servis.</t>
  </si>
  <si>
    <t>s preberacím protokolom, ktorý musí obsahovať okrem povinných náležitostí aj číslo objednávky (ak bola vystavená), číslo kúpnej zmluvy, jednotkovú cenu príslušnej položky bez DPH, s DPH, sadzbu DPH, celkovú cenu príslušnej položky bez DPH, s DPH, ŠUKL (ak je to relevantné).
V prípade, ak je dodávaný tovar z krajiny EU (okrem SR), je dodávateľ povinný uviesť v dodacom liste, okrem náležitostí uvedených v predchádzajúcej vete, aj:
- kód tovaru podľa aktuálne platného colného sadzobníka,
- údaj o krajine pôvodu tovaru (t.j. krajina kde bol tovar vyrobený).</t>
  </si>
  <si>
    <t xml:space="preserve">Prevzatie dodaného zariadenia je objednávateľ povinný dodávateľovi písomne potvrdiť na preberacom protokole. Jedna kópia preberacieho protokolu ostáva objednávateľovi. V prípade uplatnenia oprávnenej výhrady objednávateľa pri dodaní zariadenia, ostáva zariadenie vo vlastníctve dodávateľa až do doby, kým dodávateľ neodstráni prekážku, ktorá bráni objednávateľovi zariadenie riadne prevziať. Objednávateľ nadobudne vlastnícke právo vždy až po zaplatení celej odplaty za plnenie dohodnutej v zmluve. </t>
  </si>
  <si>
    <t>protokol o zaškolení zamestnancov objednávateľa s obsluhou zariadenia.</t>
  </si>
  <si>
    <t>Požaduje sa garantovať prevádzkyschopnosť zariadenia minimálne 95% počas doby poskytovania pozáručných služieb.</t>
  </si>
  <si>
    <t>Požaduje sa uzatvorenie kúpnej zmluvy a o poskytovaní pozáručného servisu.</t>
  </si>
  <si>
    <t>Dodávateľ je povinný k faktúre za dodanie zariadenia priložiť kópiu preberacieho protokolu ako jej povinnú prílohu, okrem prípadov, kedy je faktúra doručená zároveň s preberacím protokolom. Povinnou súčasťou faktúry za služby, ktoré sú predmetom Položky č. 2 je zmluvnými stranami potvrdený rozsah poskytnutej služby s uvedením dátumu jej poskytnutia v príslušnom kalendárnom mesiaci.</t>
  </si>
  <si>
    <t>Dodávateľ je povinný vystaviť faktúru za dodané zariadenie a za poskytnuté služby, ktoré sú predmetom Položky č. 2, v súlade s ustanovením §73 zákona č. 222/2004 Z. z. o dani z pridanej hodnoty v znení neskorších predpisov (ďalej len „zákon o DPH“), najneskôr však do piateho (5) pracovného dňa v mesiaci, nasledujúcom po mesiaci, v ktorom došlo k dodaniu zariadenia, resp. k poskytnutiu služby, ktorá je predmetom Položky č. 2, podľa uzatvorenej zmluvy.</t>
  </si>
  <si>
    <r>
      <t xml:space="preserve">Požaduje sa v zmysle § 340b ods. 5 zákona č. 513/1991 Z.z. Obchodného zákonníka v znení neskorších predpisov splatnosť faktúry v lehote šesťdesiatich (60) kalendárnych dní odo dňa jej doručenia objednávateľovi. V prípade úhrady faktúry za dodanie zariadenia objednávateľom do štrnástich (14) kalendárnych dní odo dňa jej doručenia objednávateľovi, sa dodávateľ zaväzuje vystaviť dobropis vo výške ... %*  z faktúrovanej sumy.                                                                                                                                                             </t>
    </r>
    <r>
      <rPr>
        <sz val="8"/>
        <rFont val="Arial"/>
        <family val="2"/>
        <charset val="238"/>
      </rPr>
      <t>*V prípade, ak sa predávajúci rozhodne kupujúcemu poskytnúť zľavu za tzv. predčasnú úhradu (t. t. úhradu pred uplynutím lehoty splatnosti), uvedie výšku %, v akej bude zľava z fakturovanej sumy poskytnutá. Ak takúto zľavu predávajúci nechce poskytnúť, uvedie 0%.</t>
    </r>
  </si>
  <si>
    <t>Pozáručný servis (služby, ktoré sú predmetom Položky č. 2) bude hradený formou mesačných paušálnych odmien uvedených v Prílohe č. 1 - Kalkulácia ceny.</t>
  </si>
  <si>
    <t>Požaduje sa poskytovanie pozáručného servisu pre položku č. 1 po dobu 5 rokov (60 kalendárnych mesiacov), pričom za začiatok tohto poskytovania sa považuje deň nasledujúci po poslednom dni záručnej doby.</t>
  </si>
  <si>
    <t>Požaduje sa vykonávať pozáručnú servisnú starostlivosť v pracovných dňoch v čase od 07:00 hod. do 17:00 hod, ak sa objednávateľ a dodávateľ nedohodnú inak.</t>
  </si>
  <si>
    <t>nástup na výkon opravy do dvadsiatichštyroch (24) hodín od nahlásenia vady/poruchy v pracovných dňoch v čase od 07:00 hod. do 17:00 hod.,</t>
  </si>
  <si>
    <t>výkon samotnej opravy do sedemdesiatichdvoch (72) hodín od nahlásenia vady/poruchy v pracovných dňoch v čase od 07:00 hod. do 17:00 hod., okrem prípadu, ak sa objednávateľ s dodávateľom nedohodnú inak alebo ak na výkon opravy je potrebný náhradný diel, súčiastka alebo iná vec, ktorej obstaranie alebo vykonanie trvá viac ako sedemdesiatdva (72) hodín.</t>
  </si>
  <si>
    <t>8.10</t>
  </si>
  <si>
    <t>20.1</t>
  </si>
  <si>
    <t>20.2</t>
  </si>
  <si>
    <t>Požaduje sa služby pozáručnej starostlivosti vykonávať v súlade so známymi a najnovšími technologickými poznatkami výrobcu zariadenia.</t>
  </si>
  <si>
    <t>27.</t>
  </si>
  <si>
    <t>28.</t>
  </si>
  <si>
    <t>29.</t>
  </si>
  <si>
    <t>30.</t>
  </si>
  <si>
    <t>31.</t>
  </si>
  <si>
    <t>32.</t>
  </si>
  <si>
    <t>33.</t>
  </si>
  <si>
    <t>34.</t>
  </si>
  <si>
    <t>35.</t>
  </si>
  <si>
    <t>36.</t>
  </si>
  <si>
    <t>37.</t>
  </si>
  <si>
    <t>38.</t>
  </si>
  <si>
    <t>39.</t>
  </si>
  <si>
    <t>40.</t>
  </si>
  <si>
    <t>41.</t>
  </si>
  <si>
    <t xml:space="preserve">V prípade, ak sa po uzatvorení zmluvy preukáže, že na relevantnom trhu existuje cena (ďalej tiež ako "nižšia cena") za rovnaké alebo porovnateľné plnenie ako je obsiahnuté v uzatvorenej zmluve a dodávateľ už preukázateľne v minulosti za takúto nižšiu cenu plnenie poskytol, resp. ešte stále poskytuje, pričom rozdiel medzi nižšou cenou a cenou podľa zmluvy bude viac ako 5 % v neprospech ceny podľa zmluvy, zaväzuje sa dodávateľ poskytnúť objednávateľovi pre takéto plnenie objednané po preukázaní tejto skutočnosti dodatočnú zľavu vo výške rozdielu medzi ním poskytovanou cenou podľa zmluvy a nižšou cenou.  </t>
  </si>
  <si>
    <t>verejný obstarávateľ vyzve úspešného uchádzača na podanie vysvetlenia k uvedenému a ak po prehodnotení písomného zdôvodnenia neuzná navýšenie konečnej jednotkovej ceny za MJ bez DPH príslušnej položky predmetu zákazky, verejný obstarávateľ si vyhradzuje právo neuzavrieť s uchádzačom zmluvný vzťah a zrušiť verejné obstarávanie v príslušnej časti predmetu zákazky a v prípade, ak je to relevantné odstúpiť od zmluvy.</t>
  </si>
  <si>
    <t>42.</t>
  </si>
  <si>
    <t>Požaduje sa poskytnutie zodpovednosti za vady servisných služieb podľa Obchodného zákonníka a tiež záruky za akosť na servisné služby.</t>
  </si>
  <si>
    <t>Požaduje sa poskytnutie minimálne 3-mesačnej záručnej doby na servisné práce od vykonania opravy a 6-mesačnej záručnej doby na dodané náhradné diely od vykonania opravy.</t>
  </si>
  <si>
    <t>Dodávateľ za vady servisnej služby nezodpovedá v prípade, ak boli spôsobené:</t>
  </si>
  <si>
    <t>v dôsledku živelnej pohromy, vyššej moci alebo vandalizmu alebo</t>
  </si>
  <si>
    <t>neoprávneným zásahom tretích osôb alebo</t>
  </si>
  <si>
    <t>prevádzkovaním zariadenia v prostredí, ktoré je v rozpore s technickými podmienkami stanovenými výrobcom, príp. dodávateľom.</t>
  </si>
  <si>
    <t>inštaláciou, prevádzkou a údržbou zariadenia v rozpore s návodom na obsluhu alebo</t>
  </si>
  <si>
    <t>Požaduje sa vyhotovenie návrhu kalkulácie servisu v súlade s uzatvorenou zmluvou ku každej objednávke. Objednávateľ musí odsúhlasiť cenu a rozsah opravy, najneskôr v lehote do troch (3) kalendárnych dní odo dňa doručenia návrhu kalkulácie servisu. V prípade, ak súhlas v uvedenej lehote dodávateľovi neoznámi alebo ak oznámi, že o opravu už nemá záujem, dodávateľ je povinný zariadenie objednávateľovi bezodkladne vrátiť, čím objednávku objednávateľa odmietne.</t>
  </si>
  <si>
    <t>30.1</t>
  </si>
  <si>
    <t>30.2</t>
  </si>
  <si>
    <t>30.3</t>
  </si>
  <si>
    <t>30.4</t>
  </si>
  <si>
    <t xml:space="preserve">Dodávateľ je povinný oznámiť príchod pracovníkov na výkon pred začatím každého servisného výkonu, a to kontaktnej osobe objednávateľa. Informácia o kontaktnej osobe objednávateľa bude zaslaná dodávateľovi bezprostredne po uzatvorení zmluvy. </t>
  </si>
  <si>
    <t xml:space="preserve">V prípade, ak objednávateľ na základe prieskumu trhu zistí, že: </t>
  </si>
  <si>
    <t xml:space="preserve">cenová ponuka iného dodávateľa je nižšia ako ponuka dodávateľa, objednávateľ vyzve dodávateľa na rokovanie o znížení ceny náhradného dielu. Ak sa zmluvné strany na znížení ceny náhradného dielu nedohodnú, objednávateľ je oprávnený náhradný diel zakúpiť od dodávateľa, ktorý v prieskume trhu ponúkol nižšiu cenu náhradného dielu, </t>
  </si>
  <si>
    <t xml:space="preserve">nedisponuje inou ponukou ako je ponuka dodávateľa a zároveň cena náhradného dielu nie je vyššia ako 10% oproti cene uvedenej v Prílohe č. 1 - Kalkulácia ceny, objednávateľ je oprávnený pristúpiť k vystaveniu objednávky. </t>
  </si>
  <si>
    <t>33.1</t>
  </si>
  <si>
    <t>33.2</t>
  </si>
  <si>
    <t>Požaduje sa možnosť uplatnenia si náhrady škody u dodávateľa vo výške vzniknutého finančného rozdielu výslednej ceny predmetu zákazky a obvyklej trhovej ceny predmetu zákazky v prípade nedodržania požiadavky uvedenej v bode 34. tejto časti zmluvných požiadaviek.</t>
  </si>
  <si>
    <t>Požaduje sa dohodnutie kúpnej ceny za zariadenie a zmluvnej ceny za pozáručný servis v súlade so zákonom č. 18/1996 Z. z. o cenách v znení neskorších predpisov a vyhláškou č. 87/1996 Z. z., ktorou sa vykonáva zákon č. 18/1996 Z. z. o cenách, pričom budú maximálnymi a záväznými počas platnosti uzatvorenej zmluvy.</t>
  </si>
  <si>
    <t>43.</t>
  </si>
  <si>
    <t>44.</t>
  </si>
  <si>
    <t>44.1</t>
  </si>
  <si>
    <t>45.</t>
  </si>
  <si>
    <t>46.</t>
  </si>
  <si>
    <t>47.</t>
  </si>
  <si>
    <t>48.</t>
  </si>
  <si>
    <t>49.</t>
  </si>
  <si>
    <t>Dodávateľ je povinný bezodkladne, najneskôr však do piatich (5) pracovných dní od preukázania skutočnosti uvedenej v bode 44. týchto zmluvných požiadaviek, doručiť objednávateľovi dodatok, predmetom, ktorého bude upravená cena zistená podľa bodu 44. týchto zmluvných požiadaviek.  V prípade, ak v uvedenej lehote nebude dodatok objednávateľovi doručený, vyhradzuje si objednávateľ právo zmluvu vypovedať s výpovednou lehotou jeden (1) mesiac. Výpovedná doba začína plynúť od prvého (1.) dňa kalendárneho mesiaca nasledujúceho po doručení výpovede a skončí sa uplynutím posledného dňa príslušného kalendárneho mesiaca.</t>
  </si>
  <si>
    <t>45.1</t>
  </si>
  <si>
    <t>45.2</t>
  </si>
  <si>
    <t>50.</t>
  </si>
  <si>
    <t>Požaduje sa v prípade náhradných dielov v každom osobitnom prípade súhlas objednávateľa s kúpu a montážou náhradného dielu a odsúhlasenie jeho ceny.</t>
  </si>
  <si>
    <t>Zmluvná cena za pozáručný servis zahŕňa celkovú logistiku súvisiacu so servisom zariadenia, dopravné a balné náklady, vrátane cestovných nákladov servisného technika do miesta dodania služby a späť a zároveň zvoz do servisného centra a rozvor opraveného zariadenia.</t>
  </si>
  <si>
    <t>bez náhradných dielov a príslušenstva (SONDY).</t>
  </si>
  <si>
    <t>Požaduje sa, aby počas trvania zmluvy dodávateľ vykonával činnosti uvedené v zmluve prostredníctvom osôb / servisných technikov s odborným vyškolením výrobcom zariadenia.</t>
  </si>
  <si>
    <t>vykonanie pravidelných technických kontrol a prehliadok vo výrobcom predpísanom rozsahu a intervale podľa servisného manuálu, min. však jedenkrát ročne, pričom poslednú takúto kontrolu je dodávateľ povinný vykonať mesiac pred uplynutím záručnej doby a bezplatne odstrániť všetky zistené vady a nedostatky s výnimkou vád uvedených v bode 30. tejto časti zmluvných požiadaviek,</t>
  </si>
  <si>
    <t xml:space="preserve">technická telefonická podpora v pracovných dňoch v rozsahu podľa bodu 7. tejto časti zmluvných požiadaviek, a zároveň poradenstvo pri prevádzkovaní zariadenia prostredníctvom klientského pracoviska dodávateľa dvadsaťštyri (24) hodín denne a sedem (7) dní v týždni, pričom dodávateľ musí garantovať funkčnosť a prevádzku tohto klientskeho pracoviska. </t>
  </si>
  <si>
    <t>Sondy vysielajúce a prijímajúce frekvencie celého ich frekvenčného pásma súčasne (širokopásmová „broadband“ technológia)</t>
  </si>
  <si>
    <t>Výborne zobrazovacie schopnosti u cievnych vyšetrení (carotid, vertebral prednastavený mód), periférnych cievnych vyšetrení (venous, arterial prednastavený mód) a muskuloskeletálnych vyšetrení</t>
  </si>
  <si>
    <t>Spracovanie dát:</t>
  </si>
  <si>
    <t>nedodržanie lehoty príchodu servisného technika alebo nezačatie odstraňovania vady formou vzdialeného prístupu : 50,-€ (slovom: päťdesiat Eur) za každú začatú hodinu omeškania, najviac však do výšky 10% kúpnej ceny zariadenia, a to pre každý jednotlivý prípad omeškania dodávateľa,</t>
  </si>
  <si>
    <t>nedodržanie dohodnutých lehôt na odstránenie vady: 50,-€ (päťdesiat Eur) za každú začatú hodinu omeškania, najviac však do výšky 10% kúpnej ceny zariadenia, a to  pre každý jednotlivý prípad omeškania dodávateľa.</t>
  </si>
  <si>
    <t xml:space="preserve">Frekvenčný rozsah celého prístroja </t>
  </si>
  <si>
    <r>
      <t xml:space="preserve">Maximálna vzorkovacia frekvencia 2d zobrazenia  </t>
    </r>
    <r>
      <rPr>
        <sz val="10"/>
        <color rgb="FFFF0000"/>
        <rFont val="Arial"/>
        <family val="2"/>
        <charset val="238"/>
      </rPr>
      <t>min.</t>
    </r>
    <r>
      <rPr>
        <sz val="10"/>
        <rFont val="Arial"/>
        <family val="2"/>
        <charset val="238"/>
      </rPr>
      <t xml:space="preserve"> 1900Hz</t>
    </r>
  </si>
  <si>
    <r>
      <t>CFM 2D farebné dopplerovské mapovanie prietokov vrátane merania rýchlosti toku (maximálna vzorkovacia frekvencia</t>
    </r>
    <r>
      <rPr>
        <sz val="10"/>
        <color rgb="FFFF0000"/>
        <rFont val="Arial"/>
        <family val="2"/>
        <charset val="238"/>
      </rPr>
      <t xml:space="preserve"> min.</t>
    </r>
    <r>
      <rPr>
        <sz val="10"/>
        <rFont val="Arial"/>
        <family val="2"/>
        <charset val="238"/>
      </rPr>
      <t xml:space="preserve"> 240 Hz)</t>
    </r>
  </si>
  <si>
    <t>8.58</t>
  </si>
  <si>
    <t>2D automatické meranie kontinuálneho doppleru pri použití EKG</t>
  </si>
  <si>
    <t>Fullscreen - natívny obraz zobrazený na celú obrazovku</t>
  </si>
  <si>
    <t>10.11</t>
  </si>
  <si>
    <t>1 - 22 MHZ</t>
  </si>
  <si>
    <t>Doplnené body:</t>
  </si>
  <si>
    <t>Hodnotenie longitudinálneho strainu ľavej komory bez nutnosti použitia EKG</t>
  </si>
  <si>
    <r>
      <t>Možnosť zapojenia TEE sondy (matrix) s elektronickou rotáciou roviny 0-180</t>
    </r>
    <r>
      <rPr>
        <sz val="10"/>
        <color rgb="FFFF0000"/>
        <rFont val="Calibri"/>
        <family val="2"/>
        <charset val="238"/>
      </rPr>
      <t>°</t>
    </r>
    <r>
      <rPr>
        <sz val="10"/>
        <color rgb="FFFF0000"/>
        <rFont val="Arial"/>
        <family val="2"/>
        <charset val="238"/>
      </rPr>
      <t xml:space="preserve">                s frekvenčným rozsahom 2-7 MHz a min. 2 400 elementov</t>
    </r>
  </si>
  <si>
    <r>
      <t xml:space="preserve">2D, Pulzný Doppler, Color Doppler, High-PRF, Color Power Angio, </t>
    </r>
    <r>
      <rPr>
        <sz val="10"/>
        <color rgb="FFFF0000"/>
        <rFont val="Arial"/>
        <family val="2"/>
        <charset val="238"/>
      </rPr>
      <t>funkcia redukcie šumu s variabilným nastavením</t>
    </r>
    <r>
      <rPr>
        <sz val="10"/>
        <rFont val="Arial"/>
        <family val="2"/>
        <charset val="238"/>
      </rPr>
      <t xml:space="preserve"> a multivariačné harmonické zobrazenie</t>
    </r>
  </si>
  <si>
    <r>
      <t>2D, PW, Color Doppler, Color Power Angio, vrátane smerového CPA,</t>
    </r>
    <r>
      <rPr>
        <sz val="10"/>
        <color rgb="FFFF0000"/>
        <rFont val="Arial"/>
        <family val="2"/>
        <charset val="238"/>
      </rPr>
      <t xml:space="preserve"> </t>
    </r>
    <r>
      <rPr>
        <sz val="10"/>
        <color rgb="FFFF0000"/>
        <rFont val="Arial"/>
        <family val="2"/>
        <charset val="238"/>
      </rPr>
      <t>funkcia redukcie šumu s variabilným nastavením</t>
    </r>
    <r>
      <rPr>
        <sz val="10"/>
        <color theme="9" tint="-0.249977111117893"/>
        <rFont val="Arial"/>
        <family val="2"/>
        <charset val="238"/>
      </rPr>
      <t xml:space="preserve"> </t>
    </r>
    <r>
      <rPr>
        <sz val="10"/>
        <rFont val="Arial"/>
        <family val="2"/>
        <charset val="238"/>
      </rPr>
      <t>a harmonické zobrazenie</t>
    </r>
  </si>
  <si>
    <r>
      <t xml:space="preserve">Intuitívne ovládanie cez konzolu ovládacieho panela a tiež pomocou LCD farebného dotykového displeja </t>
    </r>
    <r>
      <rPr>
        <sz val="10"/>
        <color rgb="FFFF0000"/>
        <rFont val="Arial"/>
        <family val="2"/>
        <charset val="238"/>
      </rPr>
      <t>s uhlopriečkou  min. 12"</t>
    </r>
  </si>
  <si>
    <r>
      <t xml:space="preserve">2D, CW Doppler, PW Doppler, Color Flow, Color Doppler, Tissue Doppler, </t>
    </r>
    <r>
      <rPr>
        <sz val="10"/>
        <color rgb="FFFF0000"/>
        <rFont val="Arial"/>
        <family val="2"/>
        <charset val="238"/>
      </rPr>
      <t>funkcia redukcie šumu s variabilným nastavením</t>
    </r>
    <r>
      <rPr>
        <sz val="10"/>
        <rFont val="Arial"/>
        <family val="2"/>
        <charset val="238"/>
      </rPr>
      <t xml:space="preserve"> a harmonické zobrazenie</t>
    </r>
  </si>
</sst>
</file>

<file path=xl/styles.xml><?xml version="1.0" encoding="utf-8"?>
<styleSheet xmlns="http://schemas.openxmlformats.org/spreadsheetml/2006/main" xmlns:mc="http://schemas.openxmlformats.org/markup-compatibility/2006" xmlns:x14ac="http://schemas.microsoft.com/office/spreadsheetml/2009/9/ac" mc:Ignorable="x14ac">
  <fonts count="18"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9"/>
      <name val="Arial"/>
      <family val="2"/>
      <charset val="238"/>
    </font>
    <font>
      <sz val="8"/>
      <name val="Arial"/>
      <family val="2"/>
      <charset val="238"/>
    </font>
    <font>
      <sz val="10"/>
      <color theme="9" tint="-0.249977111117893"/>
      <name val="Arial"/>
      <family val="2"/>
      <charset val="238"/>
    </font>
    <font>
      <sz val="10"/>
      <color rgb="FFFF0000"/>
      <name val="Calibri"/>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2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medium">
        <color auto="1"/>
      </left>
      <right style="thin">
        <color auto="1"/>
      </right>
      <top style="thin">
        <color auto="1"/>
      </top>
      <bottom/>
      <diagonal/>
    </border>
    <border>
      <left/>
      <right style="medium">
        <color indexed="64"/>
      </right>
      <top style="thin">
        <color auto="1"/>
      </top>
      <bottom style="thin">
        <color auto="1"/>
      </bottom>
      <diagonal/>
    </border>
    <border>
      <left style="medium">
        <color indexed="64"/>
      </left>
      <right/>
      <top/>
      <bottom/>
      <diagonal/>
    </border>
    <border>
      <left style="medium">
        <color auto="1"/>
      </left>
      <right/>
      <top style="thin">
        <color auto="1"/>
      </top>
      <bottom style="thin">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5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49" fontId="4" fillId="0" borderId="10" xfId="0" applyNumberFormat="1"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16" fontId="5" fillId="0" borderId="0" xfId="0" applyNumberFormat="1" applyFont="1" applyFill="1" applyAlignment="1">
      <alignment horizontal="left" vertical="top" wrapText="1"/>
    </xf>
    <xf numFmtId="0" fontId="2" fillId="0" borderId="10" xfId="0" applyFont="1" applyFill="1" applyBorder="1" applyAlignment="1">
      <alignment horizontal="center" vertical="center" wrapText="1"/>
    </xf>
    <xf numFmtId="49" fontId="2" fillId="0" borderId="22" xfId="0" applyNumberFormat="1" applyFont="1" applyFill="1" applyBorder="1" applyAlignment="1">
      <alignment horizontal="center" vertical="center" wrapText="1"/>
    </xf>
    <xf numFmtId="0" fontId="2" fillId="0" borderId="23" xfId="0" applyFont="1" applyFill="1" applyBorder="1" applyAlignment="1">
      <alignment horizontal="left"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16" fontId="5" fillId="0" borderId="0" xfId="0" applyNumberFormat="1" applyFont="1" applyFill="1" applyAlignment="1">
      <alignment horizontal="left" vertical="top" wrapText="1"/>
    </xf>
    <xf numFmtId="49" fontId="2" fillId="0" borderId="8" xfId="0" applyNumberFormat="1" applyFont="1" applyBorder="1" applyAlignment="1">
      <alignment horizontal="left" vertical="center"/>
    </xf>
    <xf numFmtId="49" fontId="2" fillId="0" borderId="8" xfId="0" applyNumberFormat="1" applyFont="1" applyFill="1" applyBorder="1" applyAlignment="1">
      <alignment horizontal="left" vertical="center" wrapText="1"/>
    </xf>
    <xf numFmtId="49" fontId="4" fillId="0" borderId="9" xfId="0" applyNumberFormat="1" applyFont="1" applyFill="1" applyBorder="1" applyAlignment="1">
      <alignment horizontal="left" vertical="center" wrapText="1"/>
    </xf>
    <xf numFmtId="0" fontId="3" fillId="0" borderId="20" xfId="0" applyFont="1" applyFill="1" applyBorder="1" applyAlignment="1">
      <alignment horizontal="left" vertical="center" wrapText="1"/>
    </xf>
    <xf numFmtId="0" fontId="10" fillId="0" borderId="10" xfId="0" applyNumberFormat="1" applyFont="1" applyBorder="1" applyAlignment="1">
      <alignment horizontal="center" vertical="center" wrapText="1"/>
    </xf>
    <xf numFmtId="49" fontId="4" fillId="0" borderId="8" xfId="0" applyNumberFormat="1" applyFont="1" applyBorder="1" applyAlignment="1">
      <alignment horizontal="left" vertical="center"/>
    </xf>
    <xf numFmtId="49" fontId="2" fillId="0" borderId="8" xfId="0" applyNumberFormat="1" applyFont="1" applyBorder="1" applyAlignment="1">
      <alignment horizontal="right" vertical="center"/>
    </xf>
    <xf numFmtId="49" fontId="2" fillId="5" borderId="8" xfId="0" applyNumberFormat="1" applyFont="1" applyFill="1" applyBorder="1" applyAlignment="1">
      <alignment horizontal="center" vertical="center"/>
    </xf>
    <xf numFmtId="49" fontId="4" fillId="5" borderId="10"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2" fillId="0" borderId="25" xfId="0" applyNumberFormat="1" applyFont="1" applyFill="1" applyBorder="1" applyAlignment="1">
      <alignment horizontal="left" vertical="center"/>
    </xf>
    <xf numFmtId="49" fontId="2" fillId="0" borderId="25" xfId="0" applyNumberFormat="1" applyFont="1" applyFill="1" applyBorder="1" applyAlignment="1">
      <alignment horizontal="center" vertical="center"/>
    </xf>
    <xf numFmtId="49" fontId="2" fillId="0" borderId="8" xfId="0" applyNumberFormat="1" applyFont="1" applyFill="1" applyBorder="1" applyAlignment="1">
      <alignment vertical="center" wrapText="1"/>
    </xf>
    <xf numFmtId="0" fontId="4" fillId="0" borderId="9" xfId="0" applyNumberFormat="1" applyFont="1" applyFill="1" applyBorder="1" applyAlignment="1">
      <alignment horizontal="left" vertical="center" wrapText="1"/>
    </xf>
    <xf numFmtId="0" fontId="2" fillId="0" borderId="9" xfId="0" applyNumberFormat="1" applyFont="1" applyFill="1" applyBorder="1" applyAlignment="1">
      <alignment horizontal="left"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49" fontId="4" fillId="0" borderId="8" xfId="0" applyNumberFormat="1" applyFont="1" applyFill="1" applyBorder="1" applyAlignment="1">
      <alignment vertical="center" wrapText="1"/>
    </xf>
    <xf numFmtId="49" fontId="4" fillId="0" borderId="8" xfId="0" applyNumberFormat="1" applyFont="1" applyBorder="1" applyAlignment="1">
      <alignment horizontal="center" vertical="center"/>
    </xf>
    <xf numFmtId="49" fontId="2" fillId="0" borderId="8" xfId="0" applyNumberFormat="1" applyFont="1" applyFill="1" applyBorder="1" applyAlignment="1">
      <alignment horizontal="left" vertical="center"/>
    </xf>
    <xf numFmtId="0" fontId="14" fillId="6" borderId="10" xfId="0" applyFont="1" applyFill="1" applyBorder="1" applyAlignment="1">
      <alignment horizontal="justify" vertical="center"/>
    </xf>
    <xf numFmtId="0" fontId="4" fillId="6" borderId="10" xfId="0" applyFont="1" applyFill="1" applyBorder="1" applyAlignment="1">
      <alignment horizontal="left" vertical="center" wrapText="1"/>
    </xf>
    <xf numFmtId="49" fontId="4" fillId="0" borderId="8" xfId="0" applyNumberFormat="1" applyFont="1" applyFill="1" applyBorder="1" applyAlignment="1">
      <alignment horizontal="center" vertical="center" wrapText="1"/>
    </xf>
    <xf numFmtId="49" fontId="2" fillId="0" borderId="11" xfId="0" applyNumberFormat="1" applyFont="1" applyFill="1" applyBorder="1" applyAlignment="1">
      <alignment horizontal="left" vertical="center"/>
    </xf>
    <xf numFmtId="0" fontId="2" fillId="0" borderId="21" xfId="0" applyNumberFormat="1" applyFont="1" applyFill="1" applyBorder="1" applyAlignment="1">
      <alignment horizontal="left" vertical="center" wrapText="1"/>
    </xf>
    <xf numFmtId="49" fontId="2" fillId="5" borderId="8" xfId="0" applyNumberFormat="1" applyFont="1" applyFill="1" applyBorder="1" applyAlignment="1">
      <alignment horizontal="left" vertical="center"/>
    </xf>
    <xf numFmtId="0" fontId="2" fillId="5" borderId="10"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4" fillId="0" borderId="10" xfId="0" applyNumberFormat="1" applyFont="1" applyBorder="1" applyAlignment="1">
      <alignment horizontal="center" vertical="center" wrapText="1"/>
    </xf>
    <xf numFmtId="49" fontId="10" fillId="0" borderId="10" xfId="0" applyNumberFormat="1" applyFont="1" applyFill="1" applyBorder="1" applyAlignment="1">
      <alignment horizontal="left" vertical="center" wrapText="1"/>
    </xf>
    <xf numFmtId="49" fontId="3" fillId="0" borderId="28" xfId="0" applyNumberFormat="1" applyFont="1" applyBorder="1" applyAlignment="1">
      <alignment horizontal="left" vertical="center"/>
    </xf>
    <xf numFmtId="49" fontId="3" fillId="0" borderId="6" xfId="0" applyNumberFormat="1" applyFont="1" applyBorder="1" applyAlignment="1">
      <alignment horizontal="left" vertical="center"/>
    </xf>
    <xf numFmtId="49" fontId="2" fillId="0" borderId="5" xfId="0" applyNumberFormat="1" applyFont="1" applyBorder="1" applyAlignment="1">
      <alignment horizontal="center" vertical="center" wrapText="1"/>
    </xf>
    <xf numFmtId="49" fontId="2" fillId="0" borderId="26" xfId="0" applyNumberFormat="1" applyFont="1" applyBorder="1" applyAlignment="1">
      <alignment horizontal="center" vertical="center" wrapText="1"/>
    </xf>
    <xf numFmtId="0" fontId="3" fillId="0" borderId="27" xfId="0" applyFont="1" applyBorder="1" applyAlignment="1">
      <alignment horizontal="left" vertical="center" wrapText="1"/>
    </xf>
    <xf numFmtId="0" fontId="3" fillId="0" borderId="0" xfId="0" applyFont="1" applyAlignment="1">
      <alignment horizontal="left" vertical="center" wrapText="1"/>
    </xf>
    <xf numFmtId="0" fontId="2" fillId="0" borderId="5" xfId="0" applyFont="1" applyFill="1" applyBorder="1" applyAlignment="1">
      <alignment horizontal="center" vertical="center" wrapText="1"/>
    </xf>
    <xf numFmtId="0" fontId="2" fillId="0" borderId="26" xfId="0" applyFont="1" applyFill="1" applyBorder="1" applyAlignment="1">
      <alignment horizontal="center"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26" xfId="0" applyNumberFormat="1" applyFont="1" applyBorder="1" applyAlignment="1">
      <alignment horizontal="left" vertical="center" wrapText="1"/>
    </xf>
    <xf numFmtId="0" fontId="2" fillId="0" borderId="0" xfId="0" applyFont="1" applyAlignment="1">
      <alignment horizontal="center" vertical="center" wrapText="1"/>
    </xf>
    <xf numFmtId="0" fontId="3" fillId="0" borderId="0" xfId="0" applyFont="1" applyAlignment="1">
      <alignment horizontal="center" vertical="center"/>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top"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4" fillId="0" borderId="0" xfId="0" applyNumberFormat="1" applyFont="1" applyFill="1" applyAlignment="1">
      <alignment horizontal="left" vertical="top"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49" fontId="2" fillId="2" borderId="16" xfId="0" applyNumberFormat="1" applyFont="1" applyFill="1" applyBorder="1" applyAlignment="1">
      <alignment horizontal="center" vertical="center" wrapText="1"/>
    </xf>
    <xf numFmtId="49" fontId="2" fillId="2" borderId="17" xfId="0" applyNumberFormat="1" applyFont="1" applyFill="1" applyBorder="1" applyAlignment="1">
      <alignment horizontal="center" vertical="center" wrapText="1"/>
    </xf>
    <xf numFmtId="49" fontId="10" fillId="0" borderId="10" xfId="0" applyNumberFormat="1" applyFont="1" applyBorder="1" applyAlignment="1">
      <alignment horizontal="left" vertical="center" wrapText="1"/>
    </xf>
    <xf numFmtId="49" fontId="10" fillId="0" borderId="9" xfId="0" applyNumberFormat="1" applyFont="1" applyBorder="1" applyAlignment="1">
      <alignment horizontal="left"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5" borderId="10" xfId="0" applyNumberFormat="1" applyFont="1" applyFill="1" applyBorder="1" applyAlignment="1">
      <alignment horizontal="left" vertical="center" wrapText="1"/>
    </xf>
    <xf numFmtId="49" fontId="2" fillId="5" borderId="9" xfId="0" applyNumberFormat="1" applyFont="1" applyFill="1" applyBorder="1" applyAlignment="1">
      <alignment horizontal="left" vertical="center" wrapText="1"/>
    </xf>
    <xf numFmtId="49" fontId="2" fillId="0" borderId="8" xfId="0" applyNumberFormat="1" applyFont="1" applyFill="1" applyBorder="1" applyAlignment="1">
      <alignment horizontal="left" vertical="center"/>
    </xf>
    <xf numFmtId="49" fontId="2" fillId="0" borderId="10" xfId="0" applyNumberFormat="1" applyFont="1" applyFill="1" applyBorder="1" applyAlignment="1">
      <alignment horizontal="left" vertical="center"/>
    </xf>
  </cellXfs>
  <cellStyles count="6">
    <cellStyle name="Normálna 2" xfId="2"/>
    <cellStyle name="Normálne" xfId="0" builtinId="0"/>
    <cellStyle name="Normálne 2" xfId="3"/>
    <cellStyle name="normálne 2 2" xfId="1"/>
    <cellStyle name="normálne 2 2 2" xfId="4"/>
    <cellStyle name="Normálne 4" xfId="5"/>
  </cellStyles>
  <dxfs count="3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6</xdr:row>
          <xdr:rowOff>0</xdr:rowOff>
        </xdr:from>
        <xdr:to>
          <xdr:col>1</xdr:col>
          <xdr:colOff>885825</xdr:colOff>
          <xdr:row>26</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7</xdr:row>
          <xdr:rowOff>9525</xdr:rowOff>
        </xdr:from>
        <xdr:to>
          <xdr:col>1</xdr:col>
          <xdr:colOff>885825</xdr:colOff>
          <xdr:row>27</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9525</xdr:rowOff>
        </xdr:from>
        <xdr:to>
          <xdr:col>1</xdr:col>
          <xdr:colOff>885825</xdr:colOff>
          <xdr:row>34</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5</xdr:row>
          <xdr:rowOff>0</xdr:rowOff>
        </xdr:from>
        <xdr:to>
          <xdr:col>1</xdr:col>
          <xdr:colOff>885825</xdr:colOff>
          <xdr:row>35</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I258"/>
  <sheetViews>
    <sheetView showGridLines="0" tabSelected="1" topLeftCell="A100" zoomScaleNormal="100" workbookViewId="0">
      <selection activeCell="J107" sqref="J107"/>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11" t="s">
        <v>50</v>
      </c>
      <c r="C1" s="111"/>
      <c r="D1" s="111"/>
      <c r="E1" s="111"/>
      <c r="F1" s="111"/>
    </row>
    <row r="2" spans="2:6" ht="27.75" customHeight="1" x14ac:dyDescent="0.2">
      <c r="B2" s="110" t="s">
        <v>47</v>
      </c>
      <c r="C2" s="110"/>
      <c r="D2" s="110"/>
      <c r="E2" s="110"/>
      <c r="F2" s="110"/>
    </row>
    <row r="3" spans="2:6" ht="54.75" customHeight="1" x14ac:dyDescent="0.2">
      <c r="B3" s="138" t="s">
        <v>54</v>
      </c>
      <c r="C3" s="138"/>
      <c r="D3" s="138"/>
      <c r="E3" s="138"/>
      <c r="F3" s="138"/>
    </row>
    <row r="4" spans="2:6" ht="24.95" customHeight="1" x14ac:dyDescent="0.2">
      <c r="B4" s="42" t="s">
        <v>53</v>
      </c>
      <c r="C4" s="43"/>
      <c r="D4" s="39"/>
      <c r="E4" s="39"/>
      <c r="F4" s="39"/>
    </row>
    <row r="5" spans="2:6" ht="24.95" customHeight="1" x14ac:dyDescent="0.2">
      <c r="B5" s="42" t="s">
        <v>51</v>
      </c>
      <c r="C5" s="44"/>
      <c r="D5" s="39"/>
      <c r="E5" s="39"/>
      <c r="F5" s="39"/>
    </row>
    <row r="6" spans="2:6" ht="5.0999999999999996" customHeight="1" x14ac:dyDescent="0.2">
      <c r="B6" s="39"/>
      <c r="C6" s="39"/>
      <c r="D6" s="39"/>
      <c r="E6" s="39"/>
      <c r="F6" s="39"/>
    </row>
    <row r="7" spans="2:6" s="2" customFormat="1" ht="20.100000000000001" customHeight="1" x14ac:dyDescent="0.25">
      <c r="B7" s="116" t="s">
        <v>5</v>
      </c>
      <c r="C7" s="116"/>
      <c r="D7" s="116"/>
      <c r="E7" s="116"/>
      <c r="F7" s="116"/>
    </row>
    <row r="8" spans="2:6" s="2" customFormat="1" ht="20.100000000000001" customHeight="1" x14ac:dyDescent="0.25">
      <c r="B8" s="139" t="s">
        <v>9</v>
      </c>
      <c r="C8" s="139"/>
      <c r="D8" s="139"/>
      <c r="E8" s="139"/>
      <c r="F8" s="139"/>
    </row>
    <row r="9" spans="2:6" ht="24.95" customHeight="1" x14ac:dyDescent="0.2">
      <c r="B9" s="140" t="s">
        <v>268</v>
      </c>
      <c r="C9" s="140"/>
      <c r="D9" s="140"/>
      <c r="E9" s="140"/>
      <c r="F9" s="140"/>
    </row>
    <row r="10" spans="2:6" ht="4.5" customHeight="1" x14ac:dyDescent="0.2">
      <c r="B10" s="41"/>
      <c r="C10" s="41"/>
      <c r="D10" s="41"/>
      <c r="E10" s="41"/>
      <c r="F10" s="41"/>
    </row>
    <row r="11" spans="2:6" s="2" customFormat="1" ht="20.100000000000001" customHeight="1" x14ac:dyDescent="0.25">
      <c r="B11" s="141" t="s">
        <v>10</v>
      </c>
      <c r="C11" s="141"/>
      <c r="D11" s="141"/>
      <c r="E11" s="141"/>
      <c r="F11" s="141"/>
    </row>
    <row r="12" spans="2:6" s="2" customFormat="1" ht="20.100000000000001" customHeight="1" x14ac:dyDescent="0.25">
      <c r="B12" s="142" t="s">
        <v>72</v>
      </c>
      <c r="C12" s="142"/>
      <c r="D12" s="142"/>
      <c r="E12" s="46"/>
      <c r="F12" s="46"/>
    </row>
    <row r="13" spans="2:6" s="2" customFormat="1" ht="20.100000000000001" customHeight="1" x14ac:dyDescent="0.25">
      <c r="B13" s="142" t="s">
        <v>75</v>
      </c>
      <c r="C13" s="142"/>
      <c r="D13" s="142"/>
      <c r="E13" s="61"/>
      <c r="F13" s="61"/>
    </row>
    <row r="14" spans="2:6" s="2" customFormat="1" ht="20.100000000000001" customHeight="1" x14ac:dyDescent="0.25">
      <c r="B14" s="142" t="s">
        <v>73</v>
      </c>
      <c r="C14" s="142"/>
      <c r="D14" s="142"/>
      <c r="E14" s="50"/>
      <c r="F14" s="50"/>
    </row>
    <row r="15" spans="2:6" s="2" customFormat="1" ht="20.100000000000001" customHeight="1" x14ac:dyDescent="0.25">
      <c r="B15" s="142" t="s">
        <v>74</v>
      </c>
      <c r="C15" s="142"/>
      <c r="D15" s="142"/>
      <c r="E15" s="53"/>
      <c r="F15" s="53"/>
    </row>
    <row r="16" spans="2:6" s="3" customFormat="1" ht="20.100000000000001" customHeight="1" x14ac:dyDescent="0.25">
      <c r="B16" s="142" t="s">
        <v>27</v>
      </c>
      <c r="C16" s="142"/>
      <c r="D16" s="142"/>
      <c r="E16" s="19"/>
      <c r="F16" s="20"/>
    </row>
    <row r="17" spans="2:6" ht="4.5" customHeight="1" x14ac:dyDescent="0.2">
      <c r="B17" s="47"/>
      <c r="C17" s="47"/>
      <c r="D17" s="47"/>
      <c r="E17" s="41"/>
      <c r="F17" s="41"/>
    </row>
    <row r="18" spans="2:6" ht="20.100000000000001" customHeight="1" x14ac:dyDescent="0.2">
      <c r="B18" s="40" t="s">
        <v>11</v>
      </c>
      <c r="C18" s="21"/>
      <c r="D18" s="21"/>
      <c r="E18" s="22"/>
      <c r="F18" s="22"/>
    </row>
    <row r="19" spans="2:6" s="3" customFormat="1" ht="24.95" customHeight="1" x14ac:dyDescent="0.25">
      <c r="B19" s="126" t="s">
        <v>70</v>
      </c>
      <c r="C19" s="126"/>
      <c r="D19" s="126"/>
      <c r="E19" s="19"/>
      <c r="F19" s="20"/>
    </row>
    <row r="20" spans="2:6" ht="5.0999999999999996" customHeight="1" x14ac:dyDescent="0.2">
      <c r="B20" s="127"/>
      <c r="C20" s="127"/>
      <c r="D20" s="127"/>
      <c r="F20" s="15"/>
    </row>
    <row r="21" spans="2:6" s="2" customFormat="1" ht="20.100000000000001" customHeight="1" x14ac:dyDescent="0.25">
      <c r="B21" s="116" t="s">
        <v>24</v>
      </c>
      <c r="C21" s="116"/>
      <c r="D21" s="116"/>
      <c r="E21" s="116"/>
      <c r="F21" s="116"/>
    </row>
    <row r="22" spans="2:6" ht="33.75" customHeight="1" x14ac:dyDescent="0.2">
      <c r="B22" s="145" t="s">
        <v>269</v>
      </c>
      <c r="C22" s="145"/>
      <c r="D22" s="145"/>
      <c r="E22" s="145"/>
      <c r="F22" s="145"/>
    </row>
    <row r="23" spans="2:6" ht="5.0999999999999996" customHeight="1" x14ac:dyDescent="0.2">
      <c r="B23" s="127"/>
      <c r="C23" s="127"/>
      <c r="D23" s="127"/>
      <c r="F23" s="15"/>
    </row>
    <row r="24" spans="2:6" s="2" customFormat="1" ht="20.100000000000001" customHeight="1" x14ac:dyDescent="0.25">
      <c r="B24" s="116" t="s">
        <v>25</v>
      </c>
      <c r="C24" s="116"/>
      <c r="D24" s="116"/>
      <c r="E24" s="116"/>
      <c r="F24" s="116"/>
    </row>
    <row r="25" spans="2:6" s="9" customFormat="1" ht="20.100000000000001" customHeight="1" x14ac:dyDescent="0.25">
      <c r="B25" s="128" t="s">
        <v>6</v>
      </c>
      <c r="C25" s="128"/>
      <c r="D25" s="128"/>
      <c r="E25" s="128"/>
      <c r="F25" s="128"/>
    </row>
    <row r="26" spans="2:6" s="9" customFormat="1" ht="20.100000000000001" customHeight="1" x14ac:dyDescent="0.25">
      <c r="B26" s="112" t="s">
        <v>18</v>
      </c>
      <c r="C26" s="113"/>
      <c r="D26" s="14"/>
      <c r="E26" s="14"/>
      <c r="F26" s="14"/>
    </row>
    <row r="27" spans="2:6" s="9" customFormat="1" ht="20.100000000000001" customHeight="1" x14ac:dyDescent="0.25">
      <c r="B27" s="13"/>
      <c r="C27" s="13" t="s">
        <v>22</v>
      </c>
      <c r="D27" s="14"/>
      <c r="E27" s="14"/>
      <c r="F27" s="14"/>
    </row>
    <row r="28" spans="2:6" s="9" customFormat="1" ht="20.100000000000001" customHeight="1" x14ac:dyDescent="0.25">
      <c r="B28" s="13"/>
      <c r="C28" s="13" t="s">
        <v>23</v>
      </c>
      <c r="D28" s="14"/>
      <c r="E28" s="14"/>
      <c r="F28" s="14"/>
    </row>
    <row r="29" spans="2:6" s="9" customFormat="1" ht="20.100000000000001" customHeight="1" x14ac:dyDescent="0.25">
      <c r="B29" s="112" t="s">
        <v>19</v>
      </c>
      <c r="C29" s="113"/>
      <c r="D29" s="14"/>
      <c r="E29" s="14"/>
      <c r="F29" s="14"/>
    </row>
    <row r="30" spans="2:6" s="9" customFormat="1" ht="31.5" customHeight="1" x14ac:dyDescent="0.25">
      <c r="B30" s="17" t="s">
        <v>20</v>
      </c>
      <c r="C30" s="146" t="s">
        <v>13</v>
      </c>
      <c r="D30" s="147"/>
      <c r="E30" s="18" t="s">
        <v>12</v>
      </c>
      <c r="F30" s="18" t="s">
        <v>14</v>
      </c>
    </row>
    <row r="31" spans="2:6" s="9" customFormat="1" ht="24.95" customHeight="1" x14ac:dyDescent="0.25">
      <c r="B31" s="48" t="s">
        <v>2</v>
      </c>
      <c r="C31" s="143" t="s">
        <v>274</v>
      </c>
      <c r="D31" s="144"/>
      <c r="E31" s="16" t="s">
        <v>1</v>
      </c>
      <c r="F31" s="49">
        <v>1</v>
      </c>
    </row>
    <row r="32" spans="2:6" s="9" customFormat="1" ht="24.95" customHeight="1" x14ac:dyDescent="0.25">
      <c r="B32" s="48" t="s">
        <v>69</v>
      </c>
      <c r="C32" s="143" t="s">
        <v>131</v>
      </c>
      <c r="D32" s="144"/>
      <c r="E32" s="54" t="s">
        <v>118</v>
      </c>
      <c r="F32" s="49">
        <v>60</v>
      </c>
    </row>
    <row r="33" spans="2:7" s="9" customFormat="1" ht="4.5" customHeight="1" x14ac:dyDescent="0.25">
      <c r="B33" s="14"/>
      <c r="C33" s="14"/>
      <c r="D33" s="14"/>
      <c r="E33" s="14"/>
      <c r="F33" s="14"/>
    </row>
    <row r="34" spans="2:7" s="9" customFormat="1" ht="20.100000000000001" customHeight="1" x14ac:dyDescent="0.25">
      <c r="B34" s="112" t="s">
        <v>21</v>
      </c>
      <c r="C34" s="113"/>
      <c r="D34" s="14"/>
      <c r="E34" s="14"/>
      <c r="F34" s="14"/>
    </row>
    <row r="35" spans="2:7" s="9" customFormat="1" ht="20.100000000000001" customHeight="1" x14ac:dyDescent="0.2">
      <c r="B35" s="10"/>
      <c r="C35" s="9" t="s">
        <v>3</v>
      </c>
      <c r="D35" s="14"/>
      <c r="E35" s="14"/>
      <c r="F35" s="14"/>
    </row>
    <row r="36" spans="2:7" s="9" customFormat="1" ht="20.100000000000001" customHeight="1" x14ac:dyDescent="0.25">
      <c r="B36" s="13"/>
      <c r="C36" s="2" t="s">
        <v>4</v>
      </c>
      <c r="D36" s="14"/>
      <c r="E36" s="14"/>
      <c r="F36" s="14"/>
    </row>
    <row r="37" spans="2:7" ht="5.0999999999999996" customHeight="1" x14ac:dyDescent="0.2"/>
    <row r="38" spans="2:7" s="2" customFormat="1" ht="20.100000000000001" customHeight="1" x14ac:dyDescent="0.25">
      <c r="B38" s="116" t="s">
        <v>26</v>
      </c>
      <c r="C38" s="116"/>
      <c r="D38" s="116"/>
      <c r="E38" s="116"/>
      <c r="F38" s="116"/>
    </row>
    <row r="39" spans="2:7" s="2" customFormat="1" ht="5.0999999999999996" customHeight="1" thickBot="1" x14ac:dyDescent="0.3">
      <c r="B39" s="15"/>
      <c r="D39" s="6"/>
      <c r="E39" s="6"/>
      <c r="F39" s="6"/>
    </row>
    <row r="40" spans="2:7" s="3" customFormat="1" ht="93" customHeight="1" x14ac:dyDescent="0.25">
      <c r="B40" s="117" t="s">
        <v>0</v>
      </c>
      <c r="C40" s="118"/>
      <c r="D40" s="121" t="s">
        <v>28</v>
      </c>
      <c r="E40" s="122"/>
      <c r="F40" s="123"/>
      <c r="G40" s="23"/>
    </row>
    <row r="41" spans="2:7" s="3" customFormat="1" ht="30" customHeight="1" thickBot="1" x14ac:dyDescent="0.3">
      <c r="B41" s="119"/>
      <c r="C41" s="120"/>
      <c r="D41" s="24" t="s">
        <v>29</v>
      </c>
      <c r="E41" s="148" t="s">
        <v>30</v>
      </c>
      <c r="F41" s="149"/>
    </row>
    <row r="42" spans="2:7" s="25" customFormat="1" ht="30.75" customHeight="1" x14ac:dyDescent="0.25">
      <c r="B42" s="152" t="s">
        <v>267</v>
      </c>
      <c r="C42" s="153"/>
      <c r="D42" s="153"/>
      <c r="E42" s="153"/>
      <c r="F42" s="154"/>
    </row>
    <row r="43" spans="2:7" s="4" customFormat="1" ht="30" customHeight="1" x14ac:dyDescent="0.25">
      <c r="B43" s="67" t="s">
        <v>16</v>
      </c>
      <c r="C43" s="45" t="s">
        <v>162</v>
      </c>
      <c r="D43" s="66"/>
      <c r="E43" s="150"/>
      <c r="F43" s="151"/>
    </row>
    <row r="44" spans="2:7" s="4" customFormat="1" ht="30" customHeight="1" x14ac:dyDescent="0.25">
      <c r="B44" s="67" t="s">
        <v>59</v>
      </c>
      <c r="C44" s="45" t="s">
        <v>352</v>
      </c>
      <c r="D44" s="66"/>
      <c r="E44" s="150"/>
      <c r="F44" s="151"/>
    </row>
    <row r="45" spans="2:7" s="4" customFormat="1" ht="30" customHeight="1" x14ac:dyDescent="0.25">
      <c r="B45" s="67" t="s">
        <v>60</v>
      </c>
      <c r="C45" s="45" t="s">
        <v>163</v>
      </c>
      <c r="D45" s="52"/>
      <c r="E45" s="106"/>
      <c r="F45" s="107"/>
    </row>
    <row r="46" spans="2:7" s="4" customFormat="1" ht="30" customHeight="1" x14ac:dyDescent="0.25">
      <c r="B46" s="67" t="s">
        <v>61</v>
      </c>
      <c r="C46" s="45" t="s">
        <v>357</v>
      </c>
      <c r="D46" s="92" t="s">
        <v>364</v>
      </c>
      <c r="E46" s="106"/>
      <c r="F46" s="107"/>
    </row>
    <row r="47" spans="2:7" s="4" customFormat="1" ht="30" customHeight="1" x14ac:dyDescent="0.25">
      <c r="B47" s="67" t="s">
        <v>62</v>
      </c>
      <c r="C47" s="45" t="s">
        <v>164</v>
      </c>
      <c r="D47" s="52"/>
      <c r="E47" s="102"/>
      <c r="F47" s="103"/>
    </row>
    <row r="48" spans="2:7" s="4" customFormat="1" ht="30" customHeight="1" x14ac:dyDescent="0.25">
      <c r="B48" s="67" t="s">
        <v>63</v>
      </c>
      <c r="C48" s="45" t="s">
        <v>370</v>
      </c>
      <c r="D48" s="52"/>
      <c r="E48" s="102"/>
      <c r="F48" s="103"/>
    </row>
    <row r="49" spans="2:6" s="4" customFormat="1" ht="30" customHeight="1" x14ac:dyDescent="0.25">
      <c r="B49" s="67" t="s">
        <v>78</v>
      </c>
      <c r="C49" s="45" t="s">
        <v>165</v>
      </c>
      <c r="D49" s="52" t="s">
        <v>90</v>
      </c>
      <c r="E49" s="102"/>
      <c r="F49" s="103"/>
    </row>
    <row r="50" spans="2:6" s="4" customFormat="1" ht="30" customHeight="1" x14ac:dyDescent="0.25">
      <c r="B50" s="81" t="s">
        <v>166</v>
      </c>
      <c r="C50" s="45" t="s">
        <v>358</v>
      </c>
      <c r="D50" s="52"/>
      <c r="E50" s="106"/>
      <c r="F50" s="107"/>
    </row>
    <row r="51" spans="2:6" s="4" customFormat="1" ht="30" customHeight="1" x14ac:dyDescent="0.25">
      <c r="B51" s="81" t="s">
        <v>167</v>
      </c>
      <c r="C51" s="45" t="s">
        <v>359</v>
      </c>
      <c r="D51" s="52"/>
      <c r="E51" s="106"/>
      <c r="F51" s="107"/>
    </row>
    <row r="52" spans="2:6" s="4" customFormat="1" ht="30" customHeight="1" x14ac:dyDescent="0.25">
      <c r="B52" s="81" t="s">
        <v>168</v>
      </c>
      <c r="C52" s="45" t="s">
        <v>173</v>
      </c>
      <c r="D52" s="52"/>
      <c r="E52" s="102"/>
      <c r="F52" s="103"/>
    </row>
    <row r="53" spans="2:6" s="4" customFormat="1" ht="30" customHeight="1" x14ac:dyDescent="0.25">
      <c r="B53" s="81" t="s">
        <v>169</v>
      </c>
      <c r="C53" s="45" t="s">
        <v>174</v>
      </c>
      <c r="D53" s="52"/>
      <c r="E53" s="102"/>
      <c r="F53" s="103"/>
    </row>
    <row r="54" spans="2:6" s="4" customFormat="1" ht="30" customHeight="1" x14ac:dyDescent="0.25">
      <c r="B54" s="81" t="s">
        <v>170</v>
      </c>
      <c r="C54" s="45" t="s">
        <v>175</v>
      </c>
      <c r="D54" s="52"/>
      <c r="E54" s="102"/>
      <c r="F54" s="103"/>
    </row>
    <row r="55" spans="2:6" s="4" customFormat="1" ht="30" customHeight="1" x14ac:dyDescent="0.25">
      <c r="B55" s="81" t="s">
        <v>171</v>
      </c>
      <c r="C55" s="45" t="s">
        <v>176</v>
      </c>
      <c r="D55" s="52"/>
      <c r="E55" s="102"/>
      <c r="F55" s="103"/>
    </row>
    <row r="56" spans="2:6" s="4" customFormat="1" ht="30" customHeight="1" x14ac:dyDescent="0.25">
      <c r="B56" s="81" t="s">
        <v>172</v>
      </c>
      <c r="C56" s="45" t="s">
        <v>177</v>
      </c>
      <c r="D56" s="52"/>
      <c r="E56" s="102"/>
      <c r="F56" s="103"/>
    </row>
    <row r="57" spans="2:6" s="4" customFormat="1" ht="30" customHeight="1" x14ac:dyDescent="0.25">
      <c r="B57" s="81" t="s">
        <v>179</v>
      </c>
      <c r="C57" s="45" t="s">
        <v>178</v>
      </c>
      <c r="D57" s="52"/>
      <c r="E57" s="106"/>
      <c r="F57" s="107"/>
    </row>
    <row r="58" spans="2:6" s="4" customFormat="1" ht="30" customHeight="1" x14ac:dyDescent="0.25">
      <c r="B58" s="81" t="s">
        <v>180</v>
      </c>
      <c r="C58" s="45" t="s">
        <v>184</v>
      </c>
      <c r="D58" s="52"/>
      <c r="E58" s="102"/>
      <c r="F58" s="103"/>
    </row>
    <row r="59" spans="2:6" s="4" customFormat="1" ht="30" customHeight="1" x14ac:dyDescent="0.25">
      <c r="B59" s="81" t="s">
        <v>181</v>
      </c>
      <c r="C59" s="45" t="s">
        <v>185</v>
      </c>
      <c r="D59" s="52"/>
      <c r="E59" s="102"/>
      <c r="F59" s="103"/>
    </row>
    <row r="60" spans="2:6" s="4" customFormat="1" ht="30" customHeight="1" x14ac:dyDescent="0.25">
      <c r="B60" s="81" t="s">
        <v>182</v>
      </c>
      <c r="C60" s="45" t="s">
        <v>186</v>
      </c>
      <c r="D60" s="52"/>
      <c r="E60" s="102"/>
      <c r="F60" s="103"/>
    </row>
    <row r="61" spans="2:6" s="4" customFormat="1" ht="30" customHeight="1" x14ac:dyDescent="0.25">
      <c r="B61" s="81" t="s">
        <v>183</v>
      </c>
      <c r="C61" s="45" t="s">
        <v>187</v>
      </c>
      <c r="D61" s="52"/>
      <c r="E61" s="102"/>
      <c r="F61" s="103"/>
    </row>
    <row r="62" spans="2:6" s="4" customFormat="1" ht="30" customHeight="1" x14ac:dyDescent="0.25">
      <c r="B62" s="67" t="s">
        <v>191</v>
      </c>
      <c r="C62" s="45" t="s">
        <v>188</v>
      </c>
      <c r="D62" s="52" t="s">
        <v>90</v>
      </c>
      <c r="E62" s="102"/>
      <c r="F62" s="103"/>
    </row>
    <row r="63" spans="2:6" s="4" customFormat="1" ht="30" customHeight="1" x14ac:dyDescent="0.25">
      <c r="B63" s="60" t="s">
        <v>189</v>
      </c>
      <c r="C63" s="45" t="s">
        <v>193</v>
      </c>
      <c r="D63" s="52"/>
      <c r="E63" s="102"/>
      <c r="F63" s="103"/>
    </row>
    <row r="64" spans="2:6" s="4" customFormat="1" ht="30" customHeight="1" x14ac:dyDescent="0.25">
      <c r="B64" s="60" t="s">
        <v>190</v>
      </c>
      <c r="C64" s="45" t="s">
        <v>194</v>
      </c>
      <c r="D64" s="52"/>
      <c r="E64" s="102"/>
      <c r="F64" s="103"/>
    </row>
    <row r="65" spans="2:9" s="4" customFormat="1" ht="20.25" customHeight="1" x14ac:dyDescent="0.25">
      <c r="B65" s="94" t="s">
        <v>365</v>
      </c>
      <c r="C65" s="95"/>
      <c r="D65" s="52"/>
      <c r="E65" s="90"/>
      <c r="F65" s="91"/>
    </row>
    <row r="66" spans="2:9" s="4" customFormat="1" ht="30" customHeight="1" x14ac:dyDescent="0.25">
      <c r="B66" s="60" t="s">
        <v>191</v>
      </c>
      <c r="C66" s="93" t="s">
        <v>366</v>
      </c>
      <c r="D66" s="52"/>
      <c r="E66" s="96"/>
      <c r="F66" s="97"/>
      <c r="G66" s="98"/>
      <c r="H66" s="99"/>
      <c r="I66" s="99"/>
    </row>
    <row r="67" spans="2:9" s="4" customFormat="1" ht="30" customHeight="1" x14ac:dyDescent="0.25">
      <c r="B67" s="60" t="s">
        <v>192</v>
      </c>
      <c r="C67" s="93" t="s">
        <v>361</v>
      </c>
      <c r="D67" s="52"/>
      <c r="E67" s="96"/>
      <c r="F67" s="97"/>
    </row>
    <row r="68" spans="2:9" s="4" customFormat="1" ht="30" customHeight="1" x14ac:dyDescent="0.25">
      <c r="B68" s="60" t="s">
        <v>360</v>
      </c>
      <c r="C68" s="45" t="s">
        <v>273</v>
      </c>
      <c r="D68" s="52"/>
      <c r="E68" s="102"/>
      <c r="F68" s="103"/>
    </row>
    <row r="69" spans="2:9" s="4" customFormat="1" ht="30" customHeight="1" x14ac:dyDescent="0.25">
      <c r="B69" s="60" t="s">
        <v>192</v>
      </c>
      <c r="C69" s="45" t="s">
        <v>195</v>
      </c>
      <c r="D69" s="52"/>
      <c r="E69" s="102"/>
      <c r="F69" s="103"/>
    </row>
    <row r="70" spans="2:9" s="4" customFormat="1" ht="30" customHeight="1" x14ac:dyDescent="0.25">
      <c r="B70" s="60" t="s">
        <v>197</v>
      </c>
      <c r="C70" s="45" t="s">
        <v>196</v>
      </c>
      <c r="D70" s="52"/>
      <c r="E70" s="102"/>
      <c r="F70" s="103"/>
    </row>
    <row r="71" spans="2:9" s="4" customFormat="1" ht="30" customHeight="1" x14ac:dyDescent="0.25">
      <c r="B71" s="60" t="s">
        <v>198</v>
      </c>
      <c r="C71" s="45" t="s">
        <v>201</v>
      </c>
      <c r="D71" s="52"/>
      <c r="E71" s="102"/>
      <c r="F71" s="103"/>
    </row>
    <row r="72" spans="2:9" s="4" customFormat="1" ht="30" customHeight="1" x14ac:dyDescent="0.25">
      <c r="B72" s="60" t="s">
        <v>199</v>
      </c>
      <c r="C72" s="45" t="s">
        <v>202</v>
      </c>
      <c r="D72" s="52"/>
      <c r="E72" s="102"/>
      <c r="F72" s="103"/>
    </row>
    <row r="73" spans="2:9" s="4" customFormat="1" ht="30" customHeight="1" x14ac:dyDescent="0.25">
      <c r="B73" s="60" t="s">
        <v>200</v>
      </c>
      <c r="C73" s="45" t="s">
        <v>203</v>
      </c>
      <c r="D73" s="52"/>
      <c r="E73" s="102"/>
      <c r="F73" s="103"/>
    </row>
    <row r="74" spans="2:9" s="4" customFormat="1" ht="30" customHeight="1" x14ac:dyDescent="0.25">
      <c r="B74" s="60" t="s">
        <v>205</v>
      </c>
      <c r="C74" s="45" t="s">
        <v>204</v>
      </c>
      <c r="D74" s="52"/>
      <c r="E74" s="102"/>
      <c r="F74" s="103"/>
    </row>
    <row r="75" spans="2:9" s="4" customFormat="1" ht="30" customHeight="1" x14ac:dyDescent="0.25">
      <c r="B75" s="62" t="s">
        <v>65</v>
      </c>
      <c r="C75" s="45" t="s">
        <v>206</v>
      </c>
      <c r="D75" s="52" t="s">
        <v>90</v>
      </c>
      <c r="E75" s="102"/>
      <c r="F75" s="103"/>
    </row>
    <row r="76" spans="2:9" s="4" customFormat="1" ht="30" customHeight="1" x14ac:dyDescent="0.25">
      <c r="B76" s="60" t="s">
        <v>208</v>
      </c>
      <c r="C76" s="45" t="s">
        <v>207</v>
      </c>
      <c r="D76" s="52"/>
      <c r="E76" s="106"/>
      <c r="F76" s="107"/>
    </row>
    <row r="77" spans="2:9" s="4" customFormat="1" ht="30" customHeight="1" x14ac:dyDescent="0.25">
      <c r="B77" s="60" t="s">
        <v>213</v>
      </c>
      <c r="C77" s="45" t="s">
        <v>209</v>
      </c>
      <c r="D77" s="52"/>
      <c r="E77" s="102"/>
      <c r="F77" s="103"/>
    </row>
    <row r="78" spans="2:9" s="4" customFormat="1" ht="30" customHeight="1" x14ac:dyDescent="0.25">
      <c r="B78" s="60" t="s">
        <v>214</v>
      </c>
      <c r="C78" s="45" t="s">
        <v>210</v>
      </c>
      <c r="D78" s="52"/>
      <c r="E78" s="102"/>
      <c r="F78" s="103"/>
    </row>
    <row r="79" spans="2:9" s="4" customFormat="1" ht="30" customHeight="1" x14ac:dyDescent="0.25">
      <c r="B79" s="60" t="s">
        <v>215</v>
      </c>
      <c r="C79" s="45" t="s">
        <v>211</v>
      </c>
      <c r="D79" s="52"/>
      <c r="E79" s="102"/>
      <c r="F79" s="103"/>
    </row>
    <row r="80" spans="2:9" s="4" customFormat="1" ht="30" customHeight="1" x14ac:dyDescent="0.25">
      <c r="B80" s="60" t="s">
        <v>216</v>
      </c>
      <c r="C80" s="45" t="s">
        <v>212</v>
      </c>
      <c r="D80" s="52"/>
      <c r="E80" s="102"/>
      <c r="F80" s="103"/>
    </row>
    <row r="81" spans="2:6" s="4" customFormat="1" ht="30" customHeight="1" x14ac:dyDescent="0.25">
      <c r="B81" s="62" t="s">
        <v>66</v>
      </c>
      <c r="C81" s="45" t="s">
        <v>354</v>
      </c>
      <c r="D81" s="52" t="s">
        <v>90</v>
      </c>
      <c r="E81" s="102"/>
      <c r="F81" s="103"/>
    </row>
    <row r="82" spans="2:6" s="4" customFormat="1" ht="30" customHeight="1" x14ac:dyDescent="0.25">
      <c r="B82" s="60" t="s">
        <v>218</v>
      </c>
      <c r="C82" s="45" t="s">
        <v>217</v>
      </c>
      <c r="D82" s="52"/>
      <c r="E82" s="102"/>
      <c r="F82" s="103"/>
    </row>
    <row r="83" spans="2:6" s="4" customFormat="1" ht="30" customHeight="1" x14ac:dyDescent="0.25">
      <c r="B83" s="60" t="s">
        <v>220</v>
      </c>
      <c r="C83" s="93" t="s">
        <v>362</v>
      </c>
      <c r="D83" s="52"/>
      <c r="E83" s="96"/>
      <c r="F83" s="97"/>
    </row>
    <row r="84" spans="2:6" s="4" customFormat="1" ht="30" customHeight="1" x14ac:dyDescent="0.25">
      <c r="B84" s="60" t="s">
        <v>221</v>
      </c>
      <c r="C84" s="45" t="s">
        <v>219</v>
      </c>
      <c r="D84" s="52"/>
      <c r="E84" s="102"/>
      <c r="F84" s="103"/>
    </row>
    <row r="85" spans="2:6" s="4" customFormat="1" ht="30" customHeight="1" x14ac:dyDescent="0.25">
      <c r="B85" s="60" t="s">
        <v>222</v>
      </c>
      <c r="C85" s="45" t="s">
        <v>224</v>
      </c>
      <c r="D85" s="52"/>
      <c r="E85" s="102"/>
      <c r="F85" s="103"/>
    </row>
    <row r="86" spans="2:6" s="4" customFormat="1" ht="30" customHeight="1" x14ac:dyDescent="0.25">
      <c r="B86" s="60" t="s">
        <v>222</v>
      </c>
      <c r="C86" s="45" t="s">
        <v>225</v>
      </c>
      <c r="D86" s="52"/>
      <c r="E86" s="102"/>
      <c r="F86" s="103"/>
    </row>
    <row r="87" spans="2:6" s="4" customFormat="1" ht="30" customHeight="1" x14ac:dyDescent="0.25">
      <c r="B87" s="60" t="s">
        <v>223</v>
      </c>
      <c r="C87" s="45" t="s">
        <v>226</v>
      </c>
      <c r="D87" s="52"/>
      <c r="E87" s="102"/>
      <c r="F87" s="103"/>
    </row>
    <row r="88" spans="2:6" s="4" customFormat="1" ht="30" customHeight="1" x14ac:dyDescent="0.25">
      <c r="B88" s="60" t="s">
        <v>228</v>
      </c>
      <c r="C88" s="45" t="s">
        <v>227</v>
      </c>
      <c r="D88" s="52"/>
      <c r="E88" s="102"/>
      <c r="F88" s="103"/>
    </row>
    <row r="89" spans="2:6" s="4" customFormat="1" ht="30" customHeight="1" x14ac:dyDescent="0.25">
      <c r="B89" s="60" t="s">
        <v>229</v>
      </c>
      <c r="C89" s="45" t="s">
        <v>232</v>
      </c>
      <c r="D89" s="52"/>
      <c r="E89" s="102"/>
      <c r="F89" s="103"/>
    </row>
    <row r="90" spans="2:6" s="4" customFormat="1" ht="30" customHeight="1" x14ac:dyDescent="0.25">
      <c r="B90" s="60" t="s">
        <v>230</v>
      </c>
      <c r="C90" s="45" t="s">
        <v>233</v>
      </c>
      <c r="D90" s="52"/>
      <c r="E90" s="102"/>
      <c r="F90" s="103"/>
    </row>
    <row r="91" spans="2:6" s="4" customFormat="1" ht="30" customHeight="1" x14ac:dyDescent="0.25">
      <c r="B91" s="60" t="s">
        <v>231</v>
      </c>
      <c r="C91" s="45" t="s">
        <v>234</v>
      </c>
      <c r="D91" s="52"/>
      <c r="E91" s="102"/>
      <c r="F91" s="103"/>
    </row>
    <row r="92" spans="2:6" s="4" customFormat="1" ht="30" customHeight="1" x14ac:dyDescent="0.25">
      <c r="B92" s="60" t="s">
        <v>236</v>
      </c>
      <c r="C92" s="45" t="s">
        <v>235</v>
      </c>
      <c r="D92" s="52"/>
      <c r="E92" s="102"/>
      <c r="F92" s="103"/>
    </row>
    <row r="93" spans="2:6" s="4" customFormat="1" ht="30" customHeight="1" x14ac:dyDescent="0.25">
      <c r="B93" s="60" t="s">
        <v>363</v>
      </c>
      <c r="C93" s="93" t="s">
        <v>367</v>
      </c>
      <c r="D93" s="52"/>
      <c r="E93" s="96"/>
      <c r="F93" s="97"/>
    </row>
    <row r="94" spans="2:6" s="4" customFormat="1" ht="30" customHeight="1" x14ac:dyDescent="0.25">
      <c r="B94" s="88" t="s">
        <v>67</v>
      </c>
      <c r="C94" s="70" t="s">
        <v>120</v>
      </c>
      <c r="D94" s="89" t="s">
        <v>90</v>
      </c>
      <c r="E94" s="155"/>
      <c r="F94" s="156"/>
    </row>
    <row r="95" spans="2:6" s="4" customFormat="1" ht="30" customHeight="1" x14ac:dyDescent="0.25">
      <c r="B95" s="69" t="s">
        <v>133</v>
      </c>
      <c r="C95" s="70" t="s">
        <v>242</v>
      </c>
      <c r="D95" s="52"/>
      <c r="E95" s="155"/>
      <c r="F95" s="156"/>
    </row>
    <row r="96" spans="2:6" s="4" customFormat="1" ht="30" customHeight="1" x14ac:dyDescent="0.25">
      <c r="B96" s="68" t="s">
        <v>237</v>
      </c>
      <c r="C96" s="45" t="s">
        <v>243</v>
      </c>
      <c r="D96" s="52"/>
      <c r="E96" s="102"/>
      <c r="F96" s="103"/>
    </row>
    <row r="97" spans="2:6" s="4" customFormat="1" ht="42" customHeight="1" x14ac:dyDescent="0.25">
      <c r="B97" s="68" t="s">
        <v>238</v>
      </c>
      <c r="C97" s="45" t="s">
        <v>368</v>
      </c>
      <c r="D97" s="52"/>
      <c r="E97" s="102"/>
      <c r="F97" s="103"/>
    </row>
    <row r="98" spans="2:6" s="4" customFormat="1" ht="46.5" customHeight="1" x14ac:dyDescent="0.25">
      <c r="B98" s="68" t="s">
        <v>239</v>
      </c>
      <c r="C98" s="45" t="s">
        <v>244</v>
      </c>
      <c r="D98" s="52"/>
      <c r="E98" s="102"/>
      <c r="F98" s="103"/>
    </row>
    <row r="99" spans="2:6" s="4" customFormat="1" ht="30" customHeight="1" x14ac:dyDescent="0.25">
      <c r="B99" s="68" t="s">
        <v>240</v>
      </c>
      <c r="C99" s="45" t="s">
        <v>245</v>
      </c>
      <c r="D99" s="52"/>
      <c r="E99" s="71"/>
      <c r="F99" s="72"/>
    </row>
    <row r="100" spans="2:6" s="4" customFormat="1" ht="30" customHeight="1" x14ac:dyDescent="0.25">
      <c r="B100" s="68" t="s">
        <v>241</v>
      </c>
      <c r="C100" s="45" t="s">
        <v>246</v>
      </c>
      <c r="D100" s="52"/>
      <c r="E100" s="71"/>
      <c r="F100" s="72"/>
    </row>
    <row r="101" spans="2:6" s="4" customFormat="1" ht="30" customHeight="1" x14ac:dyDescent="0.25">
      <c r="B101" s="69" t="s">
        <v>134</v>
      </c>
      <c r="C101" s="70" t="s">
        <v>247</v>
      </c>
      <c r="D101" s="52" t="s">
        <v>90</v>
      </c>
      <c r="E101" s="108"/>
      <c r="F101" s="109"/>
    </row>
    <row r="102" spans="2:6" s="4" customFormat="1" ht="30" customHeight="1" x14ac:dyDescent="0.25">
      <c r="B102" s="68" t="s">
        <v>249</v>
      </c>
      <c r="C102" s="45" t="s">
        <v>248</v>
      </c>
      <c r="D102" s="52"/>
      <c r="E102" s="108"/>
      <c r="F102" s="109"/>
    </row>
    <row r="103" spans="2:6" s="4" customFormat="1" ht="30" customHeight="1" x14ac:dyDescent="0.25">
      <c r="B103" s="68" t="s">
        <v>250</v>
      </c>
      <c r="C103" s="45" t="s">
        <v>254</v>
      </c>
      <c r="D103" s="52"/>
      <c r="E103" s="108"/>
      <c r="F103" s="109"/>
    </row>
    <row r="104" spans="2:6" s="4" customFormat="1" ht="37.5" customHeight="1" x14ac:dyDescent="0.25">
      <c r="B104" s="68" t="s">
        <v>251</v>
      </c>
      <c r="C104" s="45" t="s">
        <v>369</v>
      </c>
      <c r="D104" s="52"/>
      <c r="E104" s="108"/>
      <c r="F104" s="109"/>
    </row>
    <row r="105" spans="2:6" s="4" customFormat="1" ht="42.75" customHeight="1" x14ac:dyDescent="0.25">
      <c r="B105" s="68" t="s">
        <v>252</v>
      </c>
      <c r="C105" s="45" t="s">
        <v>353</v>
      </c>
      <c r="D105" s="52"/>
      <c r="E105" s="71"/>
      <c r="F105" s="72"/>
    </row>
    <row r="106" spans="2:6" s="4" customFormat="1" ht="30" customHeight="1" x14ac:dyDescent="0.25">
      <c r="B106" s="68" t="s">
        <v>253</v>
      </c>
      <c r="C106" s="45" t="s">
        <v>255</v>
      </c>
      <c r="D106" s="52"/>
      <c r="E106" s="71"/>
      <c r="F106" s="72"/>
    </row>
    <row r="107" spans="2:6" s="4" customFormat="1" ht="30" customHeight="1" x14ac:dyDescent="0.25">
      <c r="B107" s="68" t="s">
        <v>256</v>
      </c>
      <c r="C107" s="45" t="s">
        <v>258</v>
      </c>
      <c r="D107" s="52"/>
      <c r="E107" s="78"/>
      <c r="F107" s="79"/>
    </row>
    <row r="108" spans="2:6" s="4" customFormat="1" ht="30" customHeight="1" x14ac:dyDescent="0.25">
      <c r="B108" s="69" t="s">
        <v>257</v>
      </c>
      <c r="C108" s="70" t="s">
        <v>263</v>
      </c>
      <c r="D108" s="52" t="s">
        <v>90</v>
      </c>
      <c r="E108" s="102"/>
      <c r="F108" s="103"/>
    </row>
    <row r="109" spans="2:6" s="4" customFormat="1" ht="30" customHeight="1" x14ac:dyDescent="0.25">
      <c r="B109" s="68" t="s">
        <v>259</v>
      </c>
      <c r="C109" s="45" t="s">
        <v>243</v>
      </c>
      <c r="D109" s="52"/>
      <c r="E109" s="102"/>
      <c r="F109" s="103"/>
    </row>
    <row r="110" spans="2:6" s="4" customFormat="1" ht="30" customHeight="1" x14ac:dyDescent="0.25">
      <c r="B110" s="68" t="s">
        <v>260</v>
      </c>
      <c r="C110" s="45" t="s">
        <v>371</v>
      </c>
      <c r="D110" s="52"/>
      <c r="E110" s="102"/>
      <c r="F110" s="103"/>
    </row>
    <row r="111" spans="2:6" s="4" customFormat="1" ht="30" customHeight="1" x14ac:dyDescent="0.25">
      <c r="B111" s="68" t="s">
        <v>261</v>
      </c>
      <c r="C111" s="45" t="s">
        <v>264</v>
      </c>
      <c r="D111" s="52"/>
      <c r="E111" s="102"/>
      <c r="F111" s="103"/>
    </row>
    <row r="112" spans="2:6" s="4" customFormat="1" ht="30" customHeight="1" thickBot="1" x14ac:dyDescent="0.3">
      <c r="B112" s="68" t="s">
        <v>262</v>
      </c>
      <c r="C112" s="45" t="s">
        <v>265</v>
      </c>
      <c r="D112" s="52"/>
      <c r="E112" s="102"/>
      <c r="F112" s="103"/>
    </row>
    <row r="113" spans="2:6" s="25" customFormat="1" ht="30.75" customHeight="1" x14ac:dyDescent="0.25">
      <c r="B113" s="152" t="s">
        <v>266</v>
      </c>
      <c r="C113" s="153"/>
      <c r="D113" s="153"/>
      <c r="E113" s="153"/>
      <c r="F113" s="154"/>
    </row>
    <row r="114" spans="2:6" s="4" customFormat="1" ht="30" customHeight="1" x14ac:dyDescent="0.25">
      <c r="B114" s="157" t="s">
        <v>121</v>
      </c>
      <c r="C114" s="158"/>
      <c r="D114" s="52" t="s">
        <v>90</v>
      </c>
      <c r="E114" s="96" t="s">
        <v>90</v>
      </c>
      <c r="F114" s="97"/>
    </row>
    <row r="115" spans="2:6" s="4" customFormat="1" ht="30" customHeight="1" x14ac:dyDescent="0.25">
      <c r="B115" s="73" t="s">
        <v>16</v>
      </c>
      <c r="C115" s="64" t="s">
        <v>122</v>
      </c>
      <c r="D115" s="52"/>
      <c r="E115" s="108"/>
      <c r="F115" s="109"/>
    </row>
    <row r="116" spans="2:6" s="4" customFormat="1" ht="30" customHeight="1" x14ac:dyDescent="0.25">
      <c r="B116" s="74" t="s">
        <v>124</v>
      </c>
      <c r="C116" s="64" t="s">
        <v>123</v>
      </c>
      <c r="D116" s="52"/>
      <c r="E116" s="108"/>
      <c r="F116" s="109"/>
    </row>
    <row r="117" spans="2:6" s="4" customFormat="1" ht="45.75" customHeight="1" x14ac:dyDescent="0.25">
      <c r="B117" s="74" t="s">
        <v>126</v>
      </c>
      <c r="C117" s="64" t="s">
        <v>125</v>
      </c>
      <c r="D117" s="52"/>
      <c r="E117" s="108"/>
      <c r="F117" s="109"/>
    </row>
    <row r="118" spans="2:6" s="4" customFormat="1" ht="24.95" customHeight="1" x14ac:dyDescent="0.25">
      <c r="B118" s="73" t="s">
        <v>59</v>
      </c>
      <c r="C118" s="76" t="s">
        <v>127</v>
      </c>
      <c r="D118" s="52"/>
      <c r="E118" s="108"/>
      <c r="F118" s="109"/>
    </row>
    <row r="119" spans="2:6" s="4" customFormat="1" ht="34.5" customHeight="1" x14ac:dyDescent="0.25">
      <c r="B119" s="73" t="s">
        <v>60</v>
      </c>
      <c r="C119" s="77" t="s">
        <v>128</v>
      </c>
      <c r="D119" s="52"/>
      <c r="E119" s="108"/>
      <c r="F119" s="109"/>
    </row>
    <row r="120" spans="2:6" s="4" customFormat="1" ht="30" customHeight="1" x14ac:dyDescent="0.25">
      <c r="B120" s="73" t="s">
        <v>61</v>
      </c>
      <c r="C120" s="77" t="s">
        <v>138</v>
      </c>
      <c r="D120" s="52"/>
      <c r="E120" s="108"/>
      <c r="F120" s="109"/>
    </row>
    <row r="121" spans="2:6" s="4" customFormat="1" ht="24.95" customHeight="1" x14ac:dyDescent="0.25">
      <c r="B121" s="73" t="s">
        <v>62</v>
      </c>
      <c r="C121" s="77" t="s">
        <v>129</v>
      </c>
      <c r="D121" s="52"/>
      <c r="E121" s="108"/>
      <c r="F121" s="109"/>
    </row>
    <row r="122" spans="2:6" s="4" customFormat="1" ht="58.5" customHeight="1" x14ac:dyDescent="0.25">
      <c r="B122" s="74" t="s">
        <v>97</v>
      </c>
      <c r="C122" s="77" t="s">
        <v>130</v>
      </c>
      <c r="D122" s="52"/>
      <c r="E122" s="108"/>
      <c r="F122" s="109"/>
    </row>
    <row r="123" spans="2:6" s="4" customFormat="1" ht="44.25" customHeight="1" x14ac:dyDescent="0.25">
      <c r="B123" s="74" t="s">
        <v>98</v>
      </c>
      <c r="C123" s="77" t="s">
        <v>125</v>
      </c>
      <c r="D123" s="52"/>
      <c r="E123" s="108"/>
      <c r="F123" s="109"/>
    </row>
    <row r="124" spans="2:6" s="4" customFormat="1" ht="30" customHeight="1" x14ac:dyDescent="0.25">
      <c r="B124" s="82" t="s">
        <v>63</v>
      </c>
      <c r="C124" s="77" t="s">
        <v>275</v>
      </c>
      <c r="D124" s="52"/>
      <c r="E124" s="108"/>
      <c r="F124" s="109"/>
    </row>
    <row r="125" spans="2:6" s="4" customFormat="1" ht="30" customHeight="1" thickBot="1" x14ac:dyDescent="0.3">
      <c r="B125" s="86" t="s">
        <v>78</v>
      </c>
      <c r="C125" s="87" t="s">
        <v>348</v>
      </c>
      <c r="D125" s="52"/>
      <c r="E125" s="108"/>
      <c r="F125" s="109"/>
    </row>
    <row r="126" spans="2:6" s="3" customFormat="1" ht="5.0999999999999996" customHeight="1" x14ac:dyDescent="0.25">
      <c r="B126" s="5"/>
      <c r="C126" s="5"/>
      <c r="D126" s="7"/>
      <c r="E126" s="7"/>
      <c r="F126" s="26"/>
    </row>
    <row r="127" spans="2:6" s="2" customFormat="1" ht="20.100000000000001" customHeight="1" x14ac:dyDescent="0.25">
      <c r="B127" s="116" t="s">
        <v>48</v>
      </c>
      <c r="C127" s="116"/>
      <c r="D127" s="116"/>
      <c r="E127" s="116"/>
      <c r="F127" s="116"/>
    </row>
    <row r="128" spans="2:6" s="2" customFormat="1" ht="5.0999999999999996" customHeight="1" thickBot="1" x14ac:dyDescent="0.3">
      <c r="B128" s="15"/>
      <c r="D128" s="6"/>
      <c r="E128" s="6"/>
      <c r="F128" s="6"/>
    </row>
    <row r="129" spans="2:6" s="3" customFormat="1" ht="69" customHeight="1" x14ac:dyDescent="0.25">
      <c r="B129" s="117" t="s">
        <v>8</v>
      </c>
      <c r="C129" s="118"/>
      <c r="D129" s="121" t="s">
        <v>31</v>
      </c>
      <c r="E129" s="122"/>
      <c r="F129" s="123"/>
    </row>
    <row r="130" spans="2:6" s="3" customFormat="1" ht="30" customHeight="1" thickBot="1" x14ac:dyDescent="0.3">
      <c r="B130" s="119"/>
      <c r="C130" s="120"/>
      <c r="D130" s="24" t="s">
        <v>7</v>
      </c>
      <c r="E130" s="124" t="s">
        <v>32</v>
      </c>
      <c r="F130" s="125"/>
    </row>
    <row r="131" spans="2:6" s="2" customFormat="1" ht="21.75" customHeight="1" x14ac:dyDescent="0.25">
      <c r="B131" s="63" t="s">
        <v>16</v>
      </c>
      <c r="C131" s="84" t="s">
        <v>283</v>
      </c>
      <c r="D131" s="52"/>
      <c r="E131" s="104"/>
      <c r="F131" s="105"/>
    </row>
    <row r="132" spans="2:6" s="2" customFormat="1" ht="22.5" customHeight="1" x14ac:dyDescent="0.25">
      <c r="B132" s="63" t="s">
        <v>59</v>
      </c>
      <c r="C132" s="27" t="s">
        <v>161</v>
      </c>
      <c r="D132" s="52"/>
      <c r="E132" s="104"/>
      <c r="F132" s="105"/>
    </row>
    <row r="133" spans="2:6" s="2" customFormat="1" ht="42" customHeight="1" x14ac:dyDescent="0.25">
      <c r="B133" s="51" t="s">
        <v>76</v>
      </c>
      <c r="C133" s="27" t="s">
        <v>139</v>
      </c>
      <c r="D133" s="52"/>
      <c r="E133" s="104"/>
      <c r="F133" s="105"/>
    </row>
    <row r="134" spans="2:6" s="2" customFormat="1" ht="21" customHeight="1" x14ac:dyDescent="0.25">
      <c r="B134" s="51" t="s">
        <v>77</v>
      </c>
      <c r="C134" s="27" t="s">
        <v>91</v>
      </c>
      <c r="D134" s="52"/>
      <c r="E134" s="104"/>
      <c r="F134" s="105"/>
    </row>
    <row r="135" spans="2:6" s="2" customFormat="1" ht="22.5" customHeight="1" x14ac:dyDescent="0.25">
      <c r="B135" s="51" t="s">
        <v>93</v>
      </c>
      <c r="C135" s="27" t="s">
        <v>92</v>
      </c>
      <c r="D135" s="52"/>
      <c r="E135" s="104"/>
      <c r="F135" s="105"/>
    </row>
    <row r="136" spans="2:6" s="2" customFormat="1" ht="57.75" customHeight="1" x14ac:dyDescent="0.25">
      <c r="B136" s="51" t="s">
        <v>94</v>
      </c>
      <c r="C136" s="27" t="s">
        <v>140</v>
      </c>
      <c r="D136" s="52"/>
      <c r="E136" s="104"/>
      <c r="F136" s="105"/>
    </row>
    <row r="137" spans="2:6" s="2" customFormat="1" ht="43.5" customHeight="1" x14ac:dyDescent="0.25">
      <c r="B137" s="51" t="s">
        <v>95</v>
      </c>
      <c r="C137" s="27" t="s">
        <v>141</v>
      </c>
      <c r="D137" s="52"/>
      <c r="E137" s="104"/>
      <c r="F137" s="105"/>
    </row>
    <row r="138" spans="2:6" s="2" customFormat="1" ht="114" customHeight="1" x14ac:dyDescent="0.25">
      <c r="B138" s="51" t="s">
        <v>96</v>
      </c>
      <c r="C138" s="27" t="s">
        <v>279</v>
      </c>
      <c r="D138" s="52"/>
      <c r="E138" s="104"/>
      <c r="F138" s="105"/>
    </row>
    <row r="139" spans="2:6" s="2" customFormat="1" ht="30.75" customHeight="1" x14ac:dyDescent="0.25">
      <c r="B139" s="63" t="s">
        <v>60</v>
      </c>
      <c r="C139" s="27" t="s">
        <v>142</v>
      </c>
      <c r="D139" s="52"/>
      <c r="E139" s="104"/>
      <c r="F139" s="105"/>
    </row>
    <row r="140" spans="2:6" s="2" customFormat="1" ht="96.75" customHeight="1" x14ac:dyDescent="0.25">
      <c r="B140" s="63" t="s">
        <v>61</v>
      </c>
      <c r="C140" s="27" t="s">
        <v>280</v>
      </c>
      <c r="D140" s="52"/>
      <c r="E140" s="104"/>
      <c r="F140" s="105"/>
    </row>
    <row r="141" spans="2:6" s="2" customFormat="1" ht="45" customHeight="1" x14ac:dyDescent="0.25">
      <c r="B141" s="63" t="s">
        <v>62</v>
      </c>
      <c r="C141" s="27" t="s">
        <v>102</v>
      </c>
      <c r="D141" s="52"/>
      <c r="E141" s="104"/>
      <c r="F141" s="105"/>
    </row>
    <row r="142" spans="2:6" s="2" customFormat="1" ht="23.25" customHeight="1" x14ac:dyDescent="0.25">
      <c r="B142" s="51" t="s">
        <v>97</v>
      </c>
      <c r="C142" s="27" t="s">
        <v>103</v>
      </c>
      <c r="D142" s="52"/>
      <c r="E142" s="104"/>
      <c r="F142" s="105"/>
    </row>
    <row r="143" spans="2:6" s="2" customFormat="1" ht="30.75" customHeight="1" x14ac:dyDescent="0.25">
      <c r="B143" s="51" t="s">
        <v>98</v>
      </c>
      <c r="C143" s="27" t="s">
        <v>104</v>
      </c>
      <c r="D143" s="52"/>
      <c r="E143" s="104"/>
      <c r="F143" s="105"/>
    </row>
    <row r="144" spans="2:6" s="2" customFormat="1" ht="30.75" customHeight="1" x14ac:dyDescent="0.25">
      <c r="B144" s="51" t="s">
        <v>99</v>
      </c>
      <c r="C144" s="27" t="s">
        <v>105</v>
      </c>
      <c r="D144" s="52"/>
      <c r="E144" s="104"/>
      <c r="F144" s="105"/>
    </row>
    <row r="145" spans="2:6" s="2" customFormat="1" ht="30.75" customHeight="1" x14ac:dyDescent="0.25">
      <c r="B145" s="51" t="s">
        <v>100</v>
      </c>
      <c r="C145" s="27" t="s">
        <v>106</v>
      </c>
      <c r="D145" s="52"/>
      <c r="E145" s="104"/>
      <c r="F145" s="105"/>
    </row>
    <row r="146" spans="2:6" s="2" customFormat="1" ht="30.75" customHeight="1" x14ac:dyDescent="0.25">
      <c r="B146" s="51" t="s">
        <v>101</v>
      </c>
      <c r="C146" s="27" t="s">
        <v>281</v>
      </c>
      <c r="D146" s="52"/>
      <c r="E146" s="104"/>
      <c r="F146" s="105"/>
    </row>
    <row r="147" spans="2:6" s="2" customFormat="1" ht="85.5" customHeight="1" x14ac:dyDescent="0.25">
      <c r="B147" s="75" t="s">
        <v>63</v>
      </c>
      <c r="C147" s="27" t="s">
        <v>143</v>
      </c>
      <c r="D147" s="52"/>
      <c r="E147" s="104"/>
      <c r="F147" s="105"/>
    </row>
    <row r="148" spans="2:6" s="2" customFormat="1" ht="107.25" customHeight="1" x14ac:dyDescent="0.25">
      <c r="B148" s="75" t="s">
        <v>78</v>
      </c>
      <c r="C148" s="27" t="s">
        <v>147</v>
      </c>
      <c r="D148" s="52"/>
      <c r="E148" s="104"/>
      <c r="F148" s="105"/>
    </row>
    <row r="149" spans="2:6" s="2" customFormat="1" ht="96.75" customHeight="1" x14ac:dyDescent="0.25">
      <c r="B149" s="75" t="s">
        <v>64</v>
      </c>
      <c r="C149" s="27" t="s">
        <v>148</v>
      </c>
      <c r="D149" s="52"/>
      <c r="E149" s="104"/>
      <c r="F149" s="105"/>
    </row>
    <row r="150" spans="2:6" s="2" customFormat="1" ht="39" customHeight="1" x14ac:dyDescent="0.25">
      <c r="B150" s="51" t="s">
        <v>189</v>
      </c>
      <c r="C150" s="27" t="s">
        <v>108</v>
      </c>
      <c r="D150" s="52"/>
      <c r="E150" s="104"/>
      <c r="F150" s="105"/>
    </row>
    <row r="151" spans="2:6" s="2" customFormat="1" ht="45" customHeight="1" x14ac:dyDescent="0.25">
      <c r="B151" s="51" t="s">
        <v>190</v>
      </c>
      <c r="C151" s="27" t="s">
        <v>109</v>
      </c>
      <c r="D151" s="52"/>
      <c r="E151" s="104"/>
      <c r="F151" s="105"/>
    </row>
    <row r="152" spans="2:6" s="2" customFormat="1" ht="60" customHeight="1" x14ac:dyDescent="0.25">
      <c r="B152" s="51" t="s">
        <v>191</v>
      </c>
      <c r="C152" s="27" t="s">
        <v>149</v>
      </c>
      <c r="D152" s="52"/>
      <c r="E152" s="104"/>
      <c r="F152" s="105"/>
    </row>
    <row r="153" spans="2:6" s="2" customFormat="1" ht="48" customHeight="1" x14ac:dyDescent="0.25">
      <c r="B153" s="51" t="s">
        <v>192</v>
      </c>
      <c r="C153" s="27" t="s">
        <v>150</v>
      </c>
      <c r="D153" s="52"/>
      <c r="E153" s="104"/>
      <c r="F153" s="105"/>
    </row>
    <row r="154" spans="2:6" s="2" customFormat="1" ht="40.5" customHeight="1" x14ac:dyDescent="0.25">
      <c r="B154" s="51" t="s">
        <v>197</v>
      </c>
      <c r="C154" s="27" t="s">
        <v>151</v>
      </c>
      <c r="D154" s="52"/>
      <c r="E154" s="104"/>
      <c r="F154" s="105"/>
    </row>
    <row r="155" spans="2:6" s="2" customFormat="1" ht="70.5" customHeight="1" x14ac:dyDescent="0.25">
      <c r="B155" s="51" t="s">
        <v>198</v>
      </c>
      <c r="C155" s="27" t="s">
        <v>350</v>
      </c>
      <c r="D155" s="52"/>
      <c r="E155" s="104"/>
      <c r="F155" s="105"/>
    </row>
    <row r="156" spans="2:6" s="2" customFormat="1" ht="34.5" customHeight="1" x14ac:dyDescent="0.25">
      <c r="B156" s="51" t="s">
        <v>199</v>
      </c>
      <c r="C156" s="27" t="s">
        <v>110</v>
      </c>
      <c r="D156" s="52"/>
      <c r="E156" s="104"/>
      <c r="F156" s="105"/>
    </row>
    <row r="157" spans="2:6" s="2" customFormat="1" ht="33" customHeight="1" x14ac:dyDescent="0.25">
      <c r="B157" s="51" t="s">
        <v>200</v>
      </c>
      <c r="C157" s="27" t="s">
        <v>152</v>
      </c>
      <c r="D157" s="52"/>
      <c r="E157" s="104"/>
      <c r="F157" s="105"/>
    </row>
    <row r="158" spans="2:6" s="2" customFormat="1" ht="47.25" customHeight="1" x14ac:dyDescent="0.25">
      <c r="B158" s="51" t="s">
        <v>205</v>
      </c>
      <c r="C158" s="27" t="s">
        <v>111</v>
      </c>
      <c r="D158" s="52"/>
      <c r="E158" s="104"/>
      <c r="F158" s="105"/>
    </row>
    <row r="159" spans="2:6" s="2" customFormat="1" ht="67.5" customHeight="1" x14ac:dyDescent="0.25">
      <c r="B159" s="51" t="s">
        <v>292</v>
      </c>
      <c r="C159" s="27" t="s">
        <v>351</v>
      </c>
      <c r="D159" s="52"/>
      <c r="E159" s="104"/>
      <c r="F159" s="105"/>
    </row>
    <row r="160" spans="2:6" s="2" customFormat="1" ht="68.25" customHeight="1" x14ac:dyDescent="0.25">
      <c r="B160" s="75" t="s">
        <v>65</v>
      </c>
      <c r="C160" s="27" t="s">
        <v>153</v>
      </c>
      <c r="D160" s="52"/>
      <c r="E160" s="104"/>
      <c r="F160" s="105"/>
    </row>
    <row r="161" spans="2:6" s="2" customFormat="1" ht="81.75" customHeight="1" x14ac:dyDescent="0.25">
      <c r="B161" s="51" t="s">
        <v>208</v>
      </c>
      <c r="C161" s="45" t="s">
        <v>154</v>
      </c>
      <c r="D161" s="52"/>
      <c r="E161" s="104"/>
      <c r="F161" s="105"/>
    </row>
    <row r="162" spans="2:6" s="2" customFormat="1" ht="32.25" customHeight="1" x14ac:dyDescent="0.25">
      <c r="B162" s="75" t="s">
        <v>66</v>
      </c>
      <c r="C162" s="27" t="s">
        <v>112</v>
      </c>
      <c r="D162" s="52"/>
      <c r="E162" s="104"/>
      <c r="F162" s="105"/>
    </row>
    <row r="163" spans="2:6" s="2" customFormat="1" ht="34.5" customHeight="1" x14ac:dyDescent="0.25">
      <c r="B163" s="51" t="s">
        <v>218</v>
      </c>
      <c r="C163" s="27" t="s">
        <v>155</v>
      </c>
      <c r="D163" s="52"/>
      <c r="E163" s="104"/>
      <c r="F163" s="105"/>
    </row>
    <row r="164" spans="2:6" s="2" customFormat="1" ht="34.5" customHeight="1" x14ac:dyDescent="0.25">
      <c r="B164" s="51" t="s">
        <v>220</v>
      </c>
      <c r="C164" s="27" t="s">
        <v>156</v>
      </c>
      <c r="D164" s="52"/>
      <c r="E164" s="104"/>
      <c r="F164" s="105"/>
    </row>
    <row r="165" spans="2:6" s="2" customFormat="1" ht="69" customHeight="1" x14ac:dyDescent="0.25">
      <c r="B165" s="75" t="s">
        <v>67</v>
      </c>
      <c r="C165" s="27" t="s">
        <v>113</v>
      </c>
      <c r="D165" s="52"/>
      <c r="E165" s="104"/>
      <c r="F165" s="105"/>
    </row>
    <row r="166" spans="2:6" s="2" customFormat="1" ht="57.75" customHeight="1" x14ac:dyDescent="0.25">
      <c r="B166" s="51" t="s">
        <v>133</v>
      </c>
      <c r="C166" s="27" t="s">
        <v>355</v>
      </c>
      <c r="D166" s="52"/>
      <c r="E166" s="104"/>
      <c r="F166" s="105"/>
    </row>
    <row r="167" spans="2:6" s="2" customFormat="1" ht="48" customHeight="1" x14ac:dyDescent="0.25">
      <c r="B167" s="51" t="s">
        <v>134</v>
      </c>
      <c r="C167" s="27" t="s">
        <v>356</v>
      </c>
      <c r="D167" s="52"/>
      <c r="E167" s="104"/>
      <c r="F167" s="105"/>
    </row>
    <row r="168" spans="2:6" s="2" customFormat="1" ht="146.25" customHeight="1" x14ac:dyDescent="0.25">
      <c r="B168" s="75" t="s">
        <v>79</v>
      </c>
      <c r="C168" s="27" t="s">
        <v>270</v>
      </c>
      <c r="D168" s="52"/>
      <c r="E168" s="104"/>
      <c r="F168" s="105"/>
    </row>
    <row r="169" spans="2:6" s="2" customFormat="1" ht="108.75" customHeight="1" x14ac:dyDescent="0.25">
      <c r="B169" s="75" t="s">
        <v>80</v>
      </c>
      <c r="C169" s="27" t="s">
        <v>157</v>
      </c>
      <c r="D169" s="52"/>
      <c r="E169" s="104"/>
      <c r="F169" s="105"/>
    </row>
    <row r="170" spans="2:6" s="2" customFormat="1" ht="41.25" customHeight="1" x14ac:dyDescent="0.25">
      <c r="B170" s="75" t="s">
        <v>68</v>
      </c>
      <c r="C170" s="27" t="s">
        <v>114</v>
      </c>
      <c r="D170" s="52"/>
      <c r="E170" s="104"/>
      <c r="F170" s="105"/>
    </row>
    <row r="171" spans="2:6" s="2" customFormat="1" ht="70.5" customHeight="1" x14ac:dyDescent="0.25">
      <c r="B171" s="63" t="s">
        <v>81</v>
      </c>
      <c r="C171" s="27" t="s">
        <v>115</v>
      </c>
      <c r="D171" s="52"/>
      <c r="E171" s="104"/>
      <c r="F171" s="105"/>
    </row>
    <row r="172" spans="2:6" s="2" customFormat="1" ht="49.5" customHeight="1" x14ac:dyDescent="0.25">
      <c r="B172" s="63" t="s">
        <v>82</v>
      </c>
      <c r="C172" s="27" t="s">
        <v>288</v>
      </c>
      <c r="D172" s="52"/>
      <c r="E172" s="100"/>
      <c r="F172" s="101"/>
    </row>
    <row r="173" spans="2:6" s="2" customFormat="1" ht="36.75" customHeight="1" x14ac:dyDescent="0.25">
      <c r="B173" s="63" t="s">
        <v>83</v>
      </c>
      <c r="C173" s="27" t="s">
        <v>276</v>
      </c>
      <c r="D173" s="52"/>
      <c r="E173" s="100"/>
      <c r="F173" s="101"/>
    </row>
    <row r="174" spans="2:6" s="2" customFormat="1" ht="70.5" customHeight="1" x14ac:dyDescent="0.25">
      <c r="B174" s="63" t="s">
        <v>84</v>
      </c>
      <c r="C174" s="27" t="s">
        <v>277</v>
      </c>
      <c r="D174" s="52"/>
      <c r="E174" s="100"/>
      <c r="F174" s="101"/>
    </row>
    <row r="175" spans="2:6" s="2" customFormat="1" ht="33" customHeight="1" x14ac:dyDescent="0.25">
      <c r="B175" s="63" t="s">
        <v>85</v>
      </c>
      <c r="C175" s="27" t="s">
        <v>289</v>
      </c>
      <c r="D175" s="52"/>
      <c r="E175" s="100"/>
      <c r="F175" s="101"/>
    </row>
    <row r="176" spans="2:6" s="2" customFormat="1" ht="37.5" customHeight="1" x14ac:dyDescent="0.25">
      <c r="B176" s="63" t="s">
        <v>86</v>
      </c>
      <c r="C176" s="27" t="s">
        <v>132</v>
      </c>
      <c r="D176" s="52"/>
      <c r="E176" s="100"/>
      <c r="F176" s="101"/>
    </row>
    <row r="177" spans="2:6" s="2" customFormat="1" ht="37.5" customHeight="1" x14ac:dyDescent="0.25">
      <c r="B177" s="51" t="s">
        <v>293</v>
      </c>
      <c r="C177" s="27" t="s">
        <v>290</v>
      </c>
      <c r="D177" s="52"/>
      <c r="E177" s="100"/>
      <c r="F177" s="101"/>
    </row>
    <row r="178" spans="2:6" s="2" customFormat="1" ht="70.5" customHeight="1" x14ac:dyDescent="0.25">
      <c r="B178" s="51" t="s">
        <v>294</v>
      </c>
      <c r="C178" s="27" t="s">
        <v>291</v>
      </c>
      <c r="D178" s="52"/>
      <c r="E178" s="100"/>
      <c r="F178" s="101"/>
    </row>
    <row r="179" spans="2:6" s="2" customFormat="1" ht="61.5" customHeight="1" x14ac:dyDescent="0.25">
      <c r="B179" s="63" t="s">
        <v>87</v>
      </c>
      <c r="C179" s="27" t="s">
        <v>271</v>
      </c>
      <c r="D179" s="52"/>
      <c r="E179" s="100"/>
      <c r="F179" s="101"/>
    </row>
    <row r="180" spans="2:6" s="2" customFormat="1" ht="34.5" customHeight="1" x14ac:dyDescent="0.25">
      <c r="B180" s="63" t="s">
        <v>88</v>
      </c>
      <c r="C180" s="27" t="s">
        <v>295</v>
      </c>
      <c r="D180" s="52"/>
      <c r="E180" s="100"/>
      <c r="F180" s="101"/>
    </row>
    <row r="181" spans="2:6" s="2" customFormat="1" ht="30" customHeight="1" x14ac:dyDescent="0.25">
      <c r="B181" s="63" t="s">
        <v>89</v>
      </c>
      <c r="C181" s="27" t="s">
        <v>282</v>
      </c>
      <c r="D181" s="52"/>
      <c r="E181" s="100"/>
      <c r="F181" s="101"/>
    </row>
    <row r="182" spans="2:6" s="2" customFormat="1" ht="18.75" customHeight="1" x14ac:dyDescent="0.25">
      <c r="B182" s="63" t="s">
        <v>116</v>
      </c>
      <c r="C182" s="27" t="s">
        <v>278</v>
      </c>
      <c r="D182" s="52"/>
      <c r="E182" s="100"/>
      <c r="F182" s="101"/>
    </row>
    <row r="183" spans="2:6" s="2" customFormat="1" ht="60" customHeight="1" x14ac:dyDescent="0.25">
      <c r="B183" s="63" t="s">
        <v>117</v>
      </c>
      <c r="C183" s="27" t="s">
        <v>349</v>
      </c>
      <c r="D183" s="52"/>
      <c r="E183" s="100"/>
      <c r="F183" s="101"/>
    </row>
    <row r="184" spans="2:6" s="2" customFormat="1" ht="61.5" customHeight="1" x14ac:dyDescent="0.25">
      <c r="B184" s="63" t="s">
        <v>119</v>
      </c>
      <c r="C184" s="27" t="s">
        <v>272</v>
      </c>
      <c r="D184" s="52"/>
      <c r="E184" s="100"/>
      <c r="F184" s="101"/>
    </row>
    <row r="185" spans="2:6" s="2" customFormat="1" ht="84.75" customHeight="1" x14ac:dyDescent="0.25">
      <c r="B185" s="63" t="s">
        <v>296</v>
      </c>
      <c r="C185" s="84" t="s">
        <v>321</v>
      </c>
      <c r="D185" s="52"/>
      <c r="E185" s="100"/>
      <c r="F185" s="101"/>
    </row>
    <row r="186" spans="2:6" s="2" customFormat="1" ht="37.5" customHeight="1" x14ac:dyDescent="0.25">
      <c r="B186" s="63" t="s">
        <v>297</v>
      </c>
      <c r="C186" s="27" t="s">
        <v>314</v>
      </c>
      <c r="D186" s="52"/>
      <c r="E186" s="100"/>
      <c r="F186" s="101"/>
    </row>
    <row r="187" spans="2:6" s="2" customFormat="1" ht="42.75" customHeight="1" x14ac:dyDescent="0.25">
      <c r="B187" s="63" t="s">
        <v>298</v>
      </c>
      <c r="C187" s="27" t="s">
        <v>315</v>
      </c>
      <c r="D187" s="52"/>
      <c r="E187" s="100"/>
      <c r="F187" s="101"/>
    </row>
    <row r="188" spans="2:6" s="2" customFormat="1" ht="22.5" customHeight="1" x14ac:dyDescent="0.25">
      <c r="B188" s="63" t="s">
        <v>299</v>
      </c>
      <c r="C188" s="27" t="s">
        <v>316</v>
      </c>
      <c r="D188" s="52"/>
      <c r="E188" s="100"/>
      <c r="F188" s="101"/>
    </row>
    <row r="189" spans="2:6" s="2" customFormat="1" ht="24" customHeight="1" x14ac:dyDescent="0.25">
      <c r="B189" s="51" t="s">
        <v>322</v>
      </c>
      <c r="C189" s="27" t="s">
        <v>317</v>
      </c>
      <c r="D189" s="52"/>
      <c r="E189" s="100"/>
      <c r="F189" s="101"/>
    </row>
    <row r="190" spans="2:6" s="2" customFormat="1" ht="23.25" customHeight="1" x14ac:dyDescent="0.25">
      <c r="B190" s="51" t="s">
        <v>323</v>
      </c>
      <c r="C190" s="27" t="s">
        <v>320</v>
      </c>
      <c r="D190" s="52"/>
      <c r="E190" s="100"/>
      <c r="F190" s="101"/>
    </row>
    <row r="191" spans="2:6" s="2" customFormat="1" ht="21.75" customHeight="1" x14ac:dyDescent="0.25">
      <c r="B191" s="51" t="s">
        <v>324</v>
      </c>
      <c r="C191" s="27" t="s">
        <v>318</v>
      </c>
      <c r="D191" s="52"/>
      <c r="E191" s="100"/>
      <c r="F191" s="101"/>
    </row>
    <row r="192" spans="2:6" s="2" customFormat="1" ht="36.75" customHeight="1" x14ac:dyDescent="0.25">
      <c r="B192" s="51" t="s">
        <v>325</v>
      </c>
      <c r="C192" s="27" t="s">
        <v>319</v>
      </c>
      <c r="D192" s="52"/>
      <c r="E192" s="100"/>
      <c r="F192" s="101"/>
    </row>
    <row r="193" spans="2:6" s="2" customFormat="1" ht="51.75" customHeight="1" x14ac:dyDescent="0.25">
      <c r="B193" s="63" t="s">
        <v>300</v>
      </c>
      <c r="C193" s="27" t="s">
        <v>326</v>
      </c>
      <c r="D193" s="52"/>
      <c r="E193" s="100"/>
      <c r="F193" s="101"/>
    </row>
    <row r="194" spans="2:6" s="2" customFormat="1" ht="36" customHeight="1" x14ac:dyDescent="0.25">
      <c r="B194" s="63" t="s">
        <v>301</v>
      </c>
      <c r="C194" s="27" t="s">
        <v>346</v>
      </c>
      <c r="D194" s="52"/>
      <c r="E194" s="100"/>
      <c r="F194" s="101"/>
    </row>
    <row r="195" spans="2:6" s="2" customFormat="1" ht="23.25" customHeight="1" x14ac:dyDescent="0.25">
      <c r="B195" s="63" t="s">
        <v>302</v>
      </c>
      <c r="C195" s="27" t="s">
        <v>327</v>
      </c>
      <c r="D195" s="52"/>
      <c r="E195" s="100"/>
      <c r="F195" s="101"/>
    </row>
    <row r="196" spans="2:6" s="2" customFormat="1" ht="70.5" customHeight="1" x14ac:dyDescent="0.25">
      <c r="B196" s="51" t="s">
        <v>330</v>
      </c>
      <c r="C196" s="27" t="s">
        <v>328</v>
      </c>
      <c r="D196" s="52"/>
      <c r="E196" s="100"/>
      <c r="F196" s="101"/>
    </row>
    <row r="197" spans="2:6" s="2" customFormat="1" ht="51.75" customHeight="1" x14ac:dyDescent="0.25">
      <c r="B197" s="51" t="s">
        <v>331</v>
      </c>
      <c r="C197" s="27" t="s">
        <v>329</v>
      </c>
      <c r="D197" s="52"/>
      <c r="E197" s="100"/>
      <c r="F197" s="101"/>
    </row>
    <row r="198" spans="2:6" s="2" customFormat="1" ht="42" customHeight="1" x14ac:dyDescent="0.25">
      <c r="B198" s="63" t="s">
        <v>303</v>
      </c>
      <c r="C198" s="27" t="s">
        <v>135</v>
      </c>
      <c r="D198" s="52"/>
      <c r="E198" s="100"/>
      <c r="F198" s="101"/>
    </row>
    <row r="199" spans="2:6" s="2" customFormat="1" ht="52.5" customHeight="1" x14ac:dyDescent="0.25">
      <c r="B199" s="63" t="s">
        <v>304</v>
      </c>
      <c r="C199" s="84" t="s">
        <v>332</v>
      </c>
      <c r="D199" s="52"/>
      <c r="E199" s="100"/>
      <c r="F199" s="101"/>
    </row>
    <row r="200" spans="2:6" s="2" customFormat="1" ht="53.25" customHeight="1" x14ac:dyDescent="0.25">
      <c r="B200" s="63" t="s">
        <v>305</v>
      </c>
      <c r="C200" s="84" t="s">
        <v>333</v>
      </c>
      <c r="D200" s="52"/>
      <c r="E200" s="100"/>
      <c r="F200" s="101"/>
    </row>
    <row r="201" spans="2:6" s="2" customFormat="1" ht="67.5" customHeight="1" x14ac:dyDescent="0.25">
      <c r="B201" s="63" t="s">
        <v>306</v>
      </c>
      <c r="C201" s="84" t="s">
        <v>284</v>
      </c>
      <c r="D201" s="52"/>
      <c r="E201" s="100"/>
      <c r="F201" s="101"/>
    </row>
    <row r="202" spans="2:6" s="2" customFormat="1" ht="81" customHeight="1" x14ac:dyDescent="0.25">
      <c r="B202" s="63" t="s">
        <v>307</v>
      </c>
      <c r="C202" s="83" t="s">
        <v>285</v>
      </c>
      <c r="D202" s="52"/>
      <c r="E202" s="100"/>
      <c r="F202" s="101"/>
    </row>
    <row r="203" spans="2:6" s="2" customFormat="1" ht="84" customHeight="1" x14ac:dyDescent="0.25">
      <c r="B203" s="63" t="s">
        <v>308</v>
      </c>
      <c r="C203" s="84" t="s">
        <v>144</v>
      </c>
      <c r="D203" s="52"/>
      <c r="E203" s="100"/>
      <c r="F203" s="101"/>
    </row>
    <row r="204" spans="2:6" s="2" customFormat="1" ht="32.25" customHeight="1" x14ac:dyDescent="0.25">
      <c r="B204" s="63" t="s">
        <v>309</v>
      </c>
      <c r="C204" s="27" t="s">
        <v>287</v>
      </c>
      <c r="D204" s="52"/>
      <c r="E204" s="100"/>
      <c r="F204" s="101"/>
    </row>
    <row r="205" spans="2:6" s="2" customFormat="1" ht="119.25" customHeight="1" x14ac:dyDescent="0.25">
      <c r="B205" s="63" t="s">
        <v>310</v>
      </c>
      <c r="C205" s="84" t="s">
        <v>286</v>
      </c>
      <c r="D205" s="52"/>
      <c r="E205" s="100"/>
      <c r="F205" s="101"/>
    </row>
    <row r="206" spans="2:6" s="2" customFormat="1" ht="109.5" customHeight="1" x14ac:dyDescent="0.25">
      <c r="B206" s="63" t="s">
        <v>313</v>
      </c>
      <c r="C206" s="84" t="s">
        <v>107</v>
      </c>
      <c r="D206" s="52"/>
      <c r="E206" s="100"/>
      <c r="F206" s="101"/>
    </row>
    <row r="207" spans="2:6" s="2" customFormat="1" ht="54" customHeight="1" x14ac:dyDescent="0.25">
      <c r="B207" s="63" t="s">
        <v>334</v>
      </c>
      <c r="C207" s="84" t="s">
        <v>347</v>
      </c>
      <c r="D207" s="52"/>
      <c r="E207" s="100"/>
      <c r="F207" s="101"/>
    </row>
    <row r="208" spans="2:6" s="2" customFormat="1" ht="105.75" customHeight="1" x14ac:dyDescent="0.25">
      <c r="B208" s="63" t="s">
        <v>335</v>
      </c>
      <c r="C208" s="84" t="s">
        <v>311</v>
      </c>
      <c r="D208" s="52"/>
      <c r="E208" s="100"/>
      <c r="F208" s="101"/>
    </row>
    <row r="209" spans="2:7" s="2" customFormat="1" ht="109.5" customHeight="1" x14ac:dyDescent="0.25">
      <c r="B209" s="51" t="s">
        <v>336</v>
      </c>
      <c r="C209" s="84" t="s">
        <v>342</v>
      </c>
      <c r="D209" s="52"/>
      <c r="E209" s="100"/>
      <c r="F209" s="101"/>
    </row>
    <row r="210" spans="2:7" s="2" customFormat="1" ht="143.25" customHeight="1" x14ac:dyDescent="0.25">
      <c r="B210" s="80" t="s">
        <v>337</v>
      </c>
      <c r="C210" s="84" t="s">
        <v>145</v>
      </c>
      <c r="D210" s="52"/>
      <c r="E210" s="100"/>
      <c r="F210" s="101"/>
    </row>
    <row r="211" spans="2:7" s="2" customFormat="1" ht="70.5" customHeight="1" x14ac:dyDescent="0.25">
      <c r="B211" s="85" t="s">
        <v>343</v>
      </c>
      <c r="C211" s="84" t="s">
        <v>146</v>
      </c>
      <c r="D211" s="52"/>
      <c r="E211" s="100"/>
      <c r="F211" s="101"/>
    </row>
    <row r="212" spans="2:7" s="2" customFormat="1" ht="84.75" customHeight="1" x14ac:dyDescent="0.25">
      <c r="B212" s="85" t="s">
        <v>344</v>
      </c>
      <c r="C212" s="84" t="s">
        <v>312</v>
      </c>
      <c r="D212" s="52"/>
      <c r="E212" s="100"/>
      <c r="F212" s="101"/>
    </row>
    <row r="213" spans="2:7" s="2" customFormat="1" ht="79.5" customHeight="1" x14ac:dyDescent="0.25">
      <c r="B213" s="63" t="s">
        <v>338</v>
      </c>
      <c r="C213" s="84" t="s">
        <v>136</v>
      </c>
      <c r="D213" s="52"/>
      <c r="E213" s="100"/>
      <c r="F213" s="101"/>
    </row>
    <row r="214" spans="2:7" s="2" customFormat="1" ht="191.25" customHeight="1" x14ac:dyDescent="0.25">
      <c r="B214" s="63" t="s">
        <v>339</v>
      </c>
      <c r="C214" s="84" t="s">
        <v>158</v>
      </c>
      <c r="D214" s="52"/>
      <c r="E214" s="100"/>
      <c r="F214" s="101"/>
    </row>
    <row r="215" spans="2:7" s="2" customFormat="1" ht="94.5" customHeight="1" x14ac:dyDescent="0.25">
      <c r="B215" s="63" t="s">
        <v>340</v>
      </c>
      <c r="C215" s="84" t="s">
        <v>137</v>
      </c>
      <c r="D215" s="52"/>
      <c r="E215" s="100"/>
      <c r="F215" s="101"/>
    </row>
    <row r="216" spans="2:7" s="2" customFormat="1" ht="124.5" customHeight="1" x14ac:dyDescent="0.25">
      <c r="B216" s="63" t="s">
        <v>341</v>
      </c>
      <c r="C216" s="84" t="s">
        <v>159</v>
      </c>
      <c r="D216" s="52"/>
      <c r="E216" s="100"/>
      <c r="F216" s="101"/>
    </row>
    <row r="217" spans="2:7" s="2" customFormat="1" ht="73.5" customHeight="1" x14ac:dyDescent="0.25">
      <c r="B217" s="63" t="s">
        <v>345</v>
      </c>
      <c r="C217" s="84" t="s">
        <v>160</v>
      </c>
      <c r="D217" s="52"/>
      <c r="E217" s="100"/>
      <c r="F217" s="101"/>
    </row>
    <row r="218" spans="2:7" s="3" customFormat="1" ht="5.0999999999999996" customHeight="1" x14ac:dyDescent="0.25">
      <c r="B218" s="5"/>
      <c r="C218" s="5"/>
      <c r="D218" s="7"/>
      <c r="E218" s="7"/>
      <c r="F218" s="26"/>
      <c r="G218" s="2"/>
    </row>
    <row r="219" spans="2:7" s="2" customFormat="1" ht="20.100000000000001" customHeight="1" x14ac:dyDescent="0.25">
      <c r="B219" s="116" t="s">
        <v>55</v>
      </c>
      <c r="C219" s="116"/>
      <c r="D219" s="116"/>
      <c r="E219" s="116"/>
      <c r="F219" s="116"/>
    </row>
    <row r="220" spans="2:7" s="2" customFormat="1" ht="4.5" customHeight="1" thickBot="1" x14ac:dyDescent="0.3"/>
    <row r="221" spans="2:7" s="2" customFormat="1" ht="80.25" customHeight="1" x14ac:dyDescent="0.25">
      <c r="B221" s="117" t="s">
        <v>56</v>
      </c>
      <c r="C221" s="118"/>
      <c r="D221" s="121" t="s">
        <v>57</v>
      </c>
      <c r="E221" s="122"/>
      <c r="F221" s="123"/>
    </row>
    <row r="222" spans="2:7" s="3" customFormat="1" ht="29.25" customHeight="1" thickBot="1" x14ac:dyDescent="0.3">
      <c r="B222" s="119"/>
      <c r="C222" s="120"/>
      <c r="D222" s="24" t="s">
        <v>7</v>
      </c>
      <c r="E222" s="124" t="s">
        <v>32</v>
      </c>
      <c r="F222" s="125"/>
      <c r="G222" s="2"/>
    </row>
    <row r="223" spans="2:7" s="3" customFormat="1" ht="27" customHeight="1" x14ac:dyDescent="0.25">
      <c r="B223" s="55" t="s">
        <v>16</v>
      </c>
      <c r="C223" s="56" t="s">
        <v>71</v>
      </c>
      <c r="D223" s="57"/>
      <c r="E223" s="114"/>
      <c r="F223" s="115"/>
      <c r="G223" s="2"/>
    </row>
    <row r="224" spans="2:7" s="3" customFormat="1" ht="30.75" customHeight="1" thickBot="1" x14ac:dyDescent="0.3">
      <c r="B224" s="58" t="s">
        <v>59</v>
      </c>
      <c r="C224" s="65" t="s">
        <v>58</v>
      </c>
      <c r="D224" s="59"/>
      <c r="E224" s="136"/>
      <c r="F224" s="137"/>
      <c r="G224" s="2"/>
    </row>
    <row r="225" spans="2:7" s="2" customFormat="1" ht="5.0999999999999996" customHeight="1" x14ac:dyDescent="0.25">
      <c r="B225" s="5"/>
      <c r="C225" s="5"/>
      <c r="D225" s="7"/>
      <c r="E225" s="7"/>
      <c r="F225" s="26"/>
    </row>
    <row r="226" spans="2:7" s="2" customFormat="1" ht="20.100000000000001" customHeight="1" x14ac:dyDescent="0.25">
      <c r="B226" s="116" t="s">
        <v>15</v>
      </c>
      <c r="C226" s="116"/>
      <c r="D226" s="116"/>
      <c r="E226" s="116"/>
      <c r="F226" s="116"/>
    </row>
    <row r="227" spans="2:7" s="3" customFormat="1" ht="30" customHeight="1" x14ac:dyDescent="0.25">
      <c r="B227" s="5" t="s">
        <v>17</v>
      </c>
      <c r="C227" s="133" t="s">
        <v>49</v>
      </c>
      <c r="D227" s="133"/>
      <c r="E227" s="133"/>
      <c r="F227" s="133"/>
      <c r="G227" s="2"/>
    </row>
    <row r="228" spans="2:7" s="29" customFormat="1" ht="30" customHeight="1" x14ac:dyDescent="0.25">
      <c r="B228" s="5" t="s">
        <v>33</v>
      </c>
      <c r="C228" s="133" t="s">
        <v>34</v>
      </c>
      <c r="D228" s="133"/>
      <c r="E228" s="133"/>
      <c r="F228" s="133"/>
      <c r="G228" s="2"/>
    </row>
    <row r="229" spans="2:7" s="29" customFormat="1" ht="30" customHeight="1" x14ac:dyDescent="0.25">
      <c r="B229" s="134" t="s">
        <v>35</v>
      </c>
      <c r="C229" s="134"/>
      <c r="D229" s="134"/>
      <c r="E229" s="134"/>
      <c r="F229" s="3"/>
      <c r="G229" s="2"/>
    </row>
    <row r="230" spans="2:7" s="2" customFormat="1" ht="24.95" customHeight="1" x14ac:dyDescent="0.25">
      <c r="B230" s="28" t="s">
        <v>36</v>
      </c>
      <c r="C230" s="131"/>
      <c r="D230" s="131"/>
      <c r="F230" s="29"/>
    </row>
    <row r="231" spans="2:7" s="2" customFormat="1" ht="24.95" customHeight="1" x14ac:dyDescent="0.25">
      <c r="B231" s="28" t="s">
        <v>37</v>
      </c>
      <c r="C231" s="131"/>
      <c r="D231" s="131"/>
      <c r="F231" s="29"/>
    </row>
    <row r="232" spans="2:7" s="2" customFormat="1" ht="24.95" customHeight="1" x14ac:dyDescent="0.25">
      <c r="B232" s="28" t="s">
        <v>38</v>
      </c>
      <c r="C232" s="131"/>
      <c r="D232" s="131"/>
      <c r="F232" s="29"/>
    </row>
    <row r="233" spans="2:7" s="3" customFormat="1" ht="24.95" customHeight="1" x14ac:dyDescent="0.25">
      <c r="B233" s="28" t="s">
        <v>39</v>
      </c>
      <c r="C233" s="131"/>
      <c r="D233" s="131"/>
      <c r="E233" s="2"/>
      <c r="F233" s="30"/>
      <c r="G233" s="2"/>
    </row>
    <row r="234" spans="2:7" s="2" customFormat="1" ht="14.25" customHeight="1" x14ac:dyDescent="0.2">
      <c r="B234" s="11"/>
      <c r="C234" s="12"/>
      <c r="D234" s="12"/>
      <c r="F234" s="31"/>
    </row>
    <row r="235" spans="2:7" s="3" customFormat="1" ht="15" customHeight="1" x14ac:dyDescent="0.25">
      <c r="B235" s="135" t="s">
        <v>40</v>
      </c>
      <c r="C235" s="135"/>
      <c r="D235" s="135"/>
      <c r="E235" s="135"/>
      <c r="F235" s="135"/>
    </row>
    <row r="236" spans="2:7" s="2" customFormat="1" ht="36.75" customHeight="1" x14ac:dyDescent="0.25">
      <c r="B236" s="132" t="s">
        <v>52</v>
      </c>
      <c r="C236" s="132"/>
      <c r="D236" s="132"/>
      <c r="E236" s="132"/>
      <c r="F236" s="132"/>
    </row>
    <row r="237" spans="2:7" s="2" customFormat="1" ht="20.100000000000001" customHeight="1" x14ac:dyDescent="0.2">
      <c r="B237" s="1"/>
      <c r="C237" s="1"/>
      <c r="D237" s="8"/>
      <c r="E237" s="8"/>
    </row>
    <row r="238" spans="2:7" s="3" customFormat="1" ht="4.5" customHeight="1" x14ac:dyDescent="0.2">
      <c r="B238" s="1"/>
      <c r="C238" s="1"/>
      <c r="D238" s="8"/>
      <c r="E238" s="8"/>
      <c r="F238" s="2"/>
    </row>
    <row r="239" spans="2:7" s="3" customFormat="1" ht="20.100000000000001" customHeight="1" x14ac:dyDescent="0.25">
      <c r="B239" s="32" t="s">
        <v>41</v>
      </c>
      <c r="C239" s="33"/>
      <c r="D239" s="34" t="s">
        <v>42</v>
      </c>
      <c r="E239" s="129"/>
      <c r="F239" s="129"/>
    </row>
    <row r="240" spans="2:7" s="3" customFormat="1" ht="20.100000000000001" customHeight="1" x14ac:dyDescent="0.25">
      <c r="B240" s="35"/>
      <c r="C240" s="35"/>
      <c r="D240" s="35"/>
      <c r="E240" s="36"/>
      <c r="F240" s="36"/>
    </row>
    <row r="241" spans="2:6" ht="20.100000000000001" customHeight="1" x14ac:dyDescent="0.2">
      <c r="B241" s="32" t="s">
        <v>43</v>
      </c>
      <c r="C241" s="33"/>
      <c r="D241" s="37" t="s">
        <v>44</v>
      </c>
      <c r="E241" s="130"/>
      <c r="F241" s="130"/>
    </row>
    <row r="242" spans="2:6" s="2" customFormat="1" ht="20.100000000000001" customHeight="1" x14ac:dyDescent="0.2">
      <c r="B242" s="1"/>
      <c r="C242" s="1"/>
      <c r="D242" s="37" t="s">
        <v>45</v>
      </c>
      <c r="E242" s="131"/>
      <c r="F242" s="131"/>
    </row>
    <row r="243" spans="2:6" s="2" customFormat="1" ht="20.100000000000001" customHeight="1" x14ac:dyDescent="0.2">
      <c r="B243" s="1"/>
      <c r="C243" s="1"/>
      <c r="D243" s="38" t="s">
        <v>46</v>
      </c>
      <c r="E243" s="1"/>
    </row>
    <row r="244" spans="2:6" s="2" customFormat="1" ht="37.5" customHeight="1" x14ac:dyDescent="0.25"/>
    <row r="245" spans="2:6" s="2" customFormat="1" ht="24" customHeight="1" x14ac:dyDescent="0.25"/>
    <row r="246" spans="2:6" s="2" customFormat="1" ht="24" customHeight="1" x14ac:dyDescent="0.25"/>
    <row r="247" spans="2:6" s="2" customFormat="1" ht="24" customHeight="1" x14ac:dyDescent="0.25"/>
    <row r="248" spans="2:6" s="2" customFormat="1" ht="20.100000000000001" customHeight="1" x14ac:dyDescent="0.25"/>
    <row r="249" spans="2:6" s="2" customFormat="1" ht="20.100000000000001" customHeight="1" x14ac:dyDescent="0.25"/>
    <row r="250" spans="2:6" s="2" customFormat="1" ht="50.1" customHeight="1" x14ac:dyDescent="0.25"/>
    <row r="251" spans="2:6" s="2" customFormat="1" ht="43.5" customHeight="1" x14ac:dyDescent="0.25"/>
    <row r="252" spans="2:6" ht="24.75" customHeight="1" x14ac:dyDescent="0.2">
      <c r="B252" s="2"/>
      <c r="C252" s="2"/>
      <c r="D252" s="2"/>
      <c r="E252" s="2"/>
    </row>
    <row r="253" spans="2:6" x14ac:dyDescent="0.2">
      <c r="B253" s="2"/>
      <c r="C253" s="2"/>
      <c r="D253" s="2"/>
      <c r="E253" s="2"/>
    </row>
    <row r="254" spans="2:6" ht="20.100000000000001" customHeight="1" x14ac:dyDescent="0.2"/>
    <row r="255" spans="2:6" ht="4.5" customHeight="1" x14ac:dyDescent="0.2"/>
    <row r="256" spans="2:6" ht="20.100000000000001" customHeight="1" x14ac:dyDescent="0.2"/>
    <row r="257" ht="20.100000000000001" customHeight="1" x14ac:dyDescent="0.2"/>
    <row r="258" ht="20.100000000000001" customHeight="1" x14ac:dyDescent="0.2"/>
  </sheetData>
  <mergeCells count="220">
    <mergeCell ref="E170:F170"/>
    <mergeCell ref="E171:F171"/>
    <mergeCell ref="E161:F161"/>
    <mergeCell ref="E162:F162"/>
    <mergeCell ref="E163:F163"/>
    <mergeCell ref="E164:F164"/>
    <mergeCell ref="E165:F165"/>
    <mergeCell ref="E166:F166"/>
    <mergeCell ref="E169:F169"/>
    <mergeCell ref="E147:F147"/>
    <mergeCell ref="E120:F120"/>
    <mergeCell ref="E119:F119"/>
    <mergeCell ref="E118:F118"/>
    <mergeCell ref="E122:F122"/>
    <mergeCell ref="E121:F121"/>
    <mergeCell ref="E123:F123"/>
    <mergeCell ref="E124:F124"/>
    <mergeCell ref="E140:F140"/>
    <mergeCell ref="E141:F141"/>
    <mergeCell ref="E142:F142"/>
    <mergeCell ref="E143:F143"/>
    <mergeCell ref="E144:F144"/>
    <mergeCell ref="E125:F125"/>
    <mergeCell ref="E117:F117"/>
    <mergeCell ref="E116:F116"/>
    <mergeCell ref="B113:F113"/>
    <mergeCell ref="B114:C114"/>
    <mergeCell ref="E110:F110"/>
    <mergeCell ref="E111:F111"/>
    <mergeCell ref="E112:F112"/>
    <mergeCell ref="E167:F167"/>
    <mergeCell ref="E168:F168"/>
    <mergeCell ref="E148:F148"/>
    <mergeCell ref="E149:F149"/>
    <mergeCell ref="E150:F150"/>
    <mergeCell ref="E151:F151"/>
    <mergeCell ref="E131:F131"/>
    <mergeCell ref="E114:F114"/>
    <mergeCell ref="E115:F115"/>
    <mergeCell ref="E145:F145"/>
    <mergeCell ref="E146:F146"/>
    <mergeCell ref="E152:F152"/>
    <mergeCell ref="E153:F153"/>
    <mergeCell ref="E154:F154"/>
    <mergeCell ref="E155:F155"/>
    <mergeCell ref="E156:F156"/>
    <mergeCell ref="E157:F157"/>
    <mergeCell ref="E158:F158"/>
    <mergeCell ref="E159:F159"/>
    <mergeCell ref="E160:F160"/>
    <mergeCell ref="B13:D13"/>
    <mergeCell ref="C32:D32"/>
    <mergeCell ref="E56:F56"/>
    <mergeCell ref="E48:F48"/>
    <mergeCell ref="E49:F49"/>
    <mergeCell ref="E51:F51"/>
    <mergeCell ref="E41:F41"/>
    <mergeCell ref="E44:F44"/>
    <mergeCell ref="B42:F42"/>
    <mergeCell ref="E43:F43"/>
    <mergeCell ref="E45:F45"/>
    <mergeCell ref="E46:F46"/>
    <mergeCell ref="E47:F47"/>
    <mergeCell ref="E75:F75"/>
    <mergeCell ref="E76:F76"/>
    <mergeCell ref="E77:F77"/>
    <mergeCell ref="E98:F98"/>
    <mergeCell ref="E94:F94"/>
    <mergeCell ref="E95:F95"/>
    <mergeCell ref="E96:F96"/>
    <mergeCell ref="E97:F97"/>
    <mergeCell ref="B3:F3"/>
    <mergeCell ref="B7:F7"/>
    <mergeCell ref="B8:F8"/>
    <mergeCell ref="B9:F9"/>
    <mergeCell ref="B11:F11"/>
    <mergeCell ref="B12:D12"/>
    <mergeCell ref="B14:D14"/>
    <mergeCell ref="B15:D15"/>
    <mergeCell ref="D40:F40"/>
    <mergeCell ref="C31:D31"/>
    <mergeCell ref="B16:D16"/>
    <mergeCell ref="B38:F38"/>
    <mergeCell ref="B40:C41"/>
    <mergeCell ref="B22:F22"/>
    <mergeCell ref="C30:D30"/>
    <mergeCell ref="B34:C34"/>
    <mergeCell ref="E78:F78"/>
    <mergeCell ref="E79:F79"/>
    <mergeCell ref="E80:F80"/>
    <mergeCell ref="E81:F81"/>
    <mergeCell ref="E82:F82"/>
    <mergeCell ref="E84:F84"/>
    <mergeCell ref="E85:F85"/>
    <mergeCell ref="E86:F86"/>
    <mergeCell ref="E87:F87"/>
    <mergeCell ref="E88:F88"/>
    <mergeCell ref="E89:F89"/>
    <mergeCell ref="E239:F239"/>
    <mergeCell ref="E241:F241"/>
    <mergeCell ref="E242:F242"/>
    <mergeCell ref="B236:F236"/>
    <mergeCell ref="B226:F226"/>
    <mergeCell ref="C227:F227"/>
    <mergeCell ref="C228:F228"/>
    <mergeCell ref="B229:E229"/>
    <mergeCell ref="B235:F235"/>
    <mergeCell ref="C230:D230"/>
    <mergeCell ref="C231:D231"/>
    <mergeCell ref="C232:D232"/>
    <mergeCell ref="C233:D233"/>
    <mergeCell ref="E224:F224"/>
    <mergeCell ref="B219:F219"/>
    <mergeCell ref="B221:C222"/>
    <mergeCell ref="D221:F221"/>
    <mergeCell ref="E222:F222"/>
    <mergeCell ref="E108:F108"/>
    <mergeCell ref="E109:F109"/>
    <mergeCell ref="E91:F91"/>
    <mergeCell ref="E92:F92"/>
    <mergeCell ref="B2:F2"/>
    <mergeCell ref="B1:F1"/>
    <mergeCell ref="B26:C26"/>
    <mergeCell ref="B29:C29"/>
    <mergeCell ref="E223:F223"/>
    <mergeCell ref="E134:F134"/>
    <mergeCell ref="E135:F135"/>
    <mergeCell ref="E136:F136"/>
    <mergeCell ref="E137:F137"/>
    <mergeCell ref="E138:F138"/>
    <mergeCell ref="E139:F139"/>
    <mergeCell ref="E133:F133"/>
    <mergeCell ref="B127:F127"/>
    <mergeCell ref="B129:C130"/>
    <mergeCell ref="D129:F129"/>
    <mergeCell ref="E130:F130"/>
    <mergeCell ref="E50:F50"/>
    <mergeCell ref="B24:F24"/>
    <mergeCell ref="B19:D19"/>
    <mergeCell ref="B20:D20"/>
    <mergeCell ref="B21:F21"/>
    <mergeCell ref="B23:D23"/>
    <mergeCell ref="E52:F52"/>
    <mergeCell ref="B25:F25"/>
    <mergeCell ref="E53:F53"/>
    <mergeCell ref="E54:F54"/>
    <mergeCell ref="E132:F132"/>
    <mergeCell ref="E57:F57"/>
    <mergeCell ref="E58:F58"/>
    <mergeCell ref="E59:F59"/>
    <mergeCell ref="E60:F60"/>
    <mergeCell ref="E68:F68"/>
    <mergeCell ref="E61:F61"/>
    <mergeCell ref="E62:F62"/>
    <mergeCell ref="E63:F63"/>
    <mergeCell ref="E64:F64"/>
    <mergeCell ref="E69:F69"/>
    <mergeCell ref="E70:F70"/>
    <mergeCell ref="E71:F71"/>
    <mergeCell ref="E72:F72"/>
    <mergeCell ref="E73:F73"/>
    <mergeCell ref="E74:F74"/>
    <mergeCell ref="E55:F55"/>
    <mergeCell ref="E90:F90"/>
    <mergeCell ref="E101:F101"/>
    <mergeCell ref="E102:F102"/>
    <mergeCell ref="E103:F103"/>
    <mergeCell ref="E104:F104"/>
    <mergeCell ref="E172:F172"/>
    <mergeCell ref="E173:F173"/>
    <mergeCell ref="E174:F174"/>
    <mergeCell ref="E175:F175"/>
    <mergeCell ref="E176:F176"/>
    <mergeCell ref="E177:F177"/>
    <mergeCell ref="E178:F178"/>
    <mergeCell ref="E179:F179"/>
    <mergeCell ref="E180:F180"/>
    <mergeCell ref="E181:F181"/>
    <mergeCell ref="E182:F182"/>
    <mergeCell ref="E183:F183"/>
    <mergeCell ref="E184:F184"/>
    <mergeCell ref="E185:F185"/>
    <mergeCell ref="E186:F186"/>
    <mergeCell ref="E187:F187"/>
    <mergeCell ref="E188:F188"/>
    <mergeCell ref="E189:F189"/>
    <mergeCell ref="E207:F207"/>
    <mergeCell ref="E190:F190"/>
    <mergeCell ref="E191:F191"/>
    <mergeCell ref="E192:F192"/>
    <mergeCell ref="E193:F193"/>
    <mergeCell ref="E194:F194"/>
    <mergeCell ref="E195:F195"/>
    <mergeCell ref="E196:F196"/>
    <mergeCell ref="E197:F197"/>
    <mergeCell ref="E198:F198"/>
    <mergeCell ref="B65:C65"/>
    <mergeCell ref="E66:F66"/>
    <mergeCell ref="E67:F67"/>
    <mergeCell ref="G66:I66"/>
    <mergeCell ref="E83:F83"/>
    <mergeCell ref="E93:F93"/>
    <mergeCell ref="E217:F217"/>
    <mergeCell ref="E208:F208"/>
    <mergeCell ref="E209:F209"/>
    <mergeCell ref="E210:F210"/>
    <mergeCell ref="E211:F211"/>
    <mergeCell ref="E212:F212"/>
    <mergeCell ref="E213:F213"/>
    <mergeCell ref="E214:F214"/>
    <mergeCell ref="E215:F215"/>
    <mergeCell ref="E216:F216"/>
    <mergeCell ref="E199:F199"/>
    <mergeCell ref="E200:F200"/>
    <mergeCell ref="E201:F201"/>
    <mergeCell ref="E202:F202"/>
    <mergeCell ref="E203:F203"/>
    <mergeCell ref="E204:F204"/>
    <mergeCell ref="E205:F205"/>
    <mergeCell ref="E206:F206"/>
  </mergeCells>
  <conditionalFormatting sqref="D50 D63:D69 D77:D83 D139:D141 D74:D75 D85:D86 D94 D96:D112 D120:D123 D143:D217">
    <cfRule type="containsBlanks" dxfId="35" priority="118">
      <formula>LEN(TRIM(D50))=0</formula>
    </cfRule>
  </conditionalFormatting>
  <conditionalFormatting sqref="E241:F241">
    <cfRule type="containsBlanks" dxfId="34" priority="117">
      <formula>LEN(TRIM(E241))=0</formula>
    </cfRule>
  </conditionalFormatting>
  <conditionalFormatting sqref="C239">
    <cfRule type="containsBlanks" dxfId="33" priority="115">
      <formula>LEN(TRIM(C239))=0</formula>
    </cfRule>
  </conditionalFormatting>
  <conditionalFormatting sqref="E242:F242">
    <cfRule type="containsBlanks" dxfId="32" priority="116">
      <formula>LEN(TRIM(E242))=0</formula>
    </cfRule>
  </conditionalFormatting>
  <conditionalFormatting sqref="C241">
    <cfRule type="containsBlanks" dxfId="31" priority="114">
      <formula>LEN(TRIM(C241))=0</formula>
    </cfRule>
  </conditionalFormatting>
  <conditionalFormatting sqref="C4:C5">
    <cfRule type="containsBlanks" dxfId="30" priority="113">
      <formula>LEN(TRIM(C4))=0</formula>
    </cfRule>
  </conditionalFormatting>
  <conditionalFormatting sqref="D43">
    <cfRule type="containsBlanks" dxfId="29" priority="112">
      <formula>LEN(TRIM(D43))=0</formula>
    </cfRule>
  </conditionalFormatting>
  <conditionalFormatting sqref="D223">
    <cfRule type="containsBlanks" dxfId="28" priority="107">
      <formula>LEN(TRIM(D223))=0</formula>
    </cfRule>
  </conditionalFormatting>
  <conditionalFormatting sqref="C232:D232">
    <cfRule type="containsBlanks" dxfId="27" priority="103">
      <formula>LEN(TRIM(C232))=0</formula>
    </cfRule>
  </conditionalFormatting>
  <conditionalFormatting sqref="D47">
    <cfRule type="containsBlanks" dxfId="26" priority="88">
      <formula>LEN(TRIM(D47))=0</formula>
    </cfRule>
  </conditionalFormatting>
  <conditionalFormatting sqref="D48">
    <cfRule type="containsBlanks" dxfId="25" priority="87">
      <formula>LEN(TRIM(D48))=0</formula>
    </cfRule>
  </conditionalFormatting>
  <conditionalFormatting sqref="D49">
    <cfRule type="containsBlanks" dxfId="24" priority="86">
      <formula>LEN(TRIM(D49))=0</formula>
    </cfRule>
  </conditionalFormatting>
  <conditionalFormatting sqref="D46">
    <cfRule type="containsBlanks" dxfId="23" priority="84">
      <formula>LEN(TRIM(D46))=0</formula>
    </cfRule>
  </conditionalFormatting>
  <conditionalFormatting sqref="D51">
    <cfRule type="containsBlanks" dxfId="22" priority="83">
      <formula>LEN(TRIM(D51))=0</formula>
    </cfRule>
  </conditionalFormatting>
  <conditionalFormatting sqref="D44:D45">
    <cfRule type="containsBlanks" dxfId="21" priority="85">
      <formula>LEN(TRIM(D44))=0</formula>
    </cfRule>
  </conditionalFormatting>
  <conditionalFormatting sqref="D52">
    <cfRule type="containsBlanks" dxfId="20" priority="81">
      <formula>LEN(TRIM(D52))=0</formula>
    </cfRule>
  </conditionalFormatting>
  <conditionalFormatting sqref="D115">
    <cfRule type="containsBlanks" dxfId="19" priority="62">
      <formula>LEN(TRIM(D115))=0</formula>
    </cfRule>
  </conditionalFormatting>
  <conditionalFormatting sqref="D53:D62">
    <cfRule type="containsBlanks" dxfId="18" priority="67">
      <formula>LEN(TRIM(D53))=0</formula>
    </cfRule>
  </conditionalFormatting>
  <conditionalFormatting sqref="D116:D119">
    <cfRule type="containsBlanks" dxfId="17" priority="66">
      <formula>LEN(TRIM(D116))=0</formula>
    </cfRule>
  </conditionalFormatting>
  <conditionalFormatting sqref="C230:D230">
    <cfRule type="containsBlanks" dxfId="16" priority="53">
      <formula>LEN(TRIM(C230))=0</formula>
    </cfRule>
  </conditionalFormatting>
  <conditionalFormatting sqref="D114">
    <cfRule type="containsBlanks" dxfId="15" priority="58">
      <formula>LEN(TRIM(D114))=0</formula>
    </cfRule>
  </conditionalFormatting>
  <conditionalFormatting sqref="C231:D231">
    <cfRule type="containsBlanks" dxfId="14" priority="54">
      <formula>LEN(TRIM(C231))=0</formula>
    </cfRule>
  </conditionalFormatting>
  <conditionalFormatting sqref="C233:D233">
    <cfRule type="containsBlanks" dxfId="13" priority="52">
      <formula>LEN(TRIM(C233))=0</formula>
    </cfRule>
  </conditionalFormatting>
  <conditionalFormatting sqref="D224">
    <cfRule type="containsBlanks" dxfId="12" priority="45">
      <formula>LEN(TRIM(D224))=0</formula>
    </cfRule>
  </conditionalFormatting>
  <conditionalFormatting sqref="D76">
    <cfRule type="containsBlanks" dxfId="11" priority="48">
      <formula>LEN(TRIM(D76))=0</formula>
    </cfRule>
  </conditionalFormatting>
  <conditionalFormatting sqref="D131:D138">
    <cfRule type="containsBlanks" dxfId="10" priority="47">
      <formula>LEN(TRIM(D131))=0</formula>
    </cfRule>
  </conditionalFormatting>
  <conditionalFormatting sqref="D142">
    <cfRule type="containsBlanks" dxfId="9" priority="44">
      <formula>LEN(TRIM(D142))=0</formula>
    </cfRule>
  </conditionalFormatting>
  <conditionalFormatting sqref="C118:C123">
    <cfRule type="containsBlanks" dxfId="8" priority="43">
      <formula>LEN(TRIM(C118))=0</formula>
    </cfRule>
  </conditionalFormatting>
  <conditionalFormatting sqref="D95">
    <cfRule type="containsBlanks" dxfId="7" priority="40">
      <formula>LEN(TRIM(D95))=0</formula>
    </cfRule>
  </conditionalFormatting>
  <conditionalFormatting sqref="D124">
    <cfRule type="containsBlanks" dxfId="6" priority="25">
      <formula>LEN(TRIM(D124))=0</formula>
    </cfRule>
  </conditionalFormatting>
  <conditionalFormatting sqref="C124">
    <cfRule type="containsBlanks" dxfId="5" priority="24">
      <formula>LEN(TRIM(C124))=0</formula>
    </cfRule>
  </conditionalFormatting>
  <conditionalFormatting sqref="D70:D73">
    <cfRule type="containsBlanks" dxfId="4" priority="7">
      <formula>LEN(TRIM(D70))=0</formula>
    </cfRule>
  </conditionalFormatting>
  <conditionalFormatting sqref="D84">
    <cfRule type="containsBlanks" dxfId="3" priority="6">
      <formula>LEN(TRIM(D84))=0</formula>
    </cfRule>
  </conditionalFormatting>
  <conditionalFormatting sqref="D87:D93">
    <cfRule type="containsBlanks" dxfId="2" priority="5">
      <formula>LEN(TRIM(D87))=0</formula>
    </cfRule>
  </conditionalFormatting>
  <conditionalFormatting sqref="D125">
    <cfRule type="containsBlanks" dxfId="1" priority="3">
      <formula>LEN(TRIM(D125))=0</formula>
    </cfRule>
  </conditionalFormatting>
  <conditionalFormatting sqref="C125">
    <cfRule type="containsBlanks" dxfId="0" priority="1">
      <formula>LEN(TRIM(C125))=0</formula>
    </cfRule>
  </conditionalFormatting>
  <printOptions horizontalCentered="1"/>
  <pageMargins left="0.70866141732283472" right="0.70866141732283472" top="0.9055118110236221" bottom="0.74803149606299213" header="0.31496062992125984" footer="0.31496062992125984"/>
  <pageSetup paperSize="9" scale="51"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6</xdr:row>
                    <xdr:rowOff>0</xdr:rowOff>
                  </from>
                  <to>
                    <xdr:col>1</xdr:col>
                    <xdr:colOff>885825</xdr:colOff>
                    <xdr:row>26</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7</xdr:row>
                    <xdr:rowOff>9525</xdr:rowOff>
                  </from>
                  <to>
                    <xdr:col>1</xdr:col>
                    <xdr:colOff>885825</xdr:colOff>
                    <xdr:row>27</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4</xdr:row>
                    <xdr:rowOff>9525</xdr:rowOff>
                  </from>
                  <to>
                    <xdr:col>1</xdr:col>
                    <xdr:colOff>885825</xdr:colOff>
                    <xdr:row>34</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5</xdr:row>
                    <xdr:rowOff>0</xdr:rowOff>
                  </from>
                  <to>
                    <xdr:col>1</xdr:col>
                    <xdr:colOff>885825</xdr:colOff>
                    <xdr:row>35</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Katarína Kupcová</cp:lastModifiedBy>
  <cp:lastPrinted>2022-05-06T12:46:26Z</cp:lastPrinted>
  <dcterms:created xsi:type="dcterms:W3CDTF">2017-04-21T05:51:15Z</dcterms:created>
  <dcterms:modified xsi:type="dcterms:W3CDTF">2022-05-09T10:33:05Z</dcterms:modified>
</cp:coreProperties>
</file>